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29"/>
  </p:sldMasterIdLst>
  <p:notesMasterIdLst>
    <p:notesMasterId r:id="rId45"/>
  </p:notesMasterIdLst>
  <p:handoutMasterIdLst>
    <p:handoutMasterId r:id="rId46"/>
  </p:handoutMasterIdLst>
  <p:sldIdLst>
    <p:sldId id="449" r:id="rId30"/>
    <p:sldId id="487" r:id="rId31"/>
    <p:sldId id="489" r:id="rId32"/>
    <p:sldId id="450" r:id="rId33"/>
    <p:sldId id="498" r:id="rId34"/>
    <p:sldId id="437" r:id="rId35"/>
    <p:sldId id="490" r:id="rId36"/>
    <p:sldId id="438" r:id="rId37"/>
    <p:sldId id="439" r:id="rId38"/>
    <p:sldId id="440" r:id="rId39"/>
    <p:sldId id="441" r:id="rId40"/>
    <p:sldId id="442" r:id="rId41"/>
    <p:sldId id="491" r:id="rId42"/>
    <p:sldId id="446" r:id="rId43"/>
    <p:sldId id="363" r:id="rId44"/>
  </p:sldIdLst>
  <p:sldSz cx="12192000" cy="6858000"/>
  <p:notesSz cx="6858000" cy="9144000"/>
  <p:embeddedFontLst>
    <p:embeddedFont>
      <p:font typeface="Veidekke Favorit Offc" panose="020B0504030202060203" pitchFamily="34" charset="0"/>
      <p:regular r:id="rId47"/>
      <p:bold r:id="rId48"/>
      <p:italic r:id="rId49"/>
      <p:boldItalic r:id="rId50"/>
    </p:embeddedFont>
  </p:embeddedFontLst>
  <p:custDataLst>
    <p:tags r:id="rId51"/>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D0D62EF-FE87-4B48-8074-55B3D4728713}" v="1" dt="2024-08-26T18:54:25.353"/>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115" d="100"/>
          <a:sy n="115" d="100"/>
        </p:scale>
        <p:origin x="706" y="72"/>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10.xml"/><Relationship Id="rId21" Type="http://schemas.openxmlformats.org/officeDocument/2006/relationships/customXml" Target="../customXml/item21.xml"/><Relationship Id="rId34" Type="http://schemas.openxmlformats.org/officeDocument/2006/relationships/slide" Target="slides/slide5.xml"/><Relationship Id="rId42" Type="http://schemas.openxmlformats.org/officeDocument/2006/relationships/slide" Target="slides/slide13.xml"/><Relationship Id="rId47" Type="http://schemas.openxmlformats.org/officeDocument/2006/relationships/font" Target="fonts/font1.fntdata"/><Relationship Id="rId50" Type="http://schemas.openxmlformats.org/officeDocument/2006/relationships/font" Target="fonts/font4.fntdata"/><Relationship Id="rId55"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Master" Target="slideMasters/slideMaster1.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3.xml"/><Relationship Id="rId37" Type="http://schemas.openxmlformats.org/officeDocument/2006/relationships/slide" Target="slides/slide8.xml"/><Relationship Id="rId40" Type="http://schemas.openxmlformats.org/officeDocument/2006/relationships/slide" Target="slides/slide11.xml"/><Relationship Id="rId45" Type="http://schemas.openxmlformats.org/officeDocument/2006/relationships/notesMaster" Target="notesMasters/notesMaster1.xml"/><Relationship Id="rId53" Type="http://schemas.openxmlformats.org/officeDocument/2006/relationships/viewProps" Target="viewProps.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2.xml"/><Relationship Id="rId44" Type="http://schemas.openxmlformats.org/officeDocument/2006/relationships/slide" Target="slides/slide15.xml"/><Relationship Id="rId52"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 Target="slides/slide1.xml"/><Relationship Id="rId35" Type="http://schemas.openxmlformats.org/officeDocument/2006/relationships/slide" Target="slides/slide6.xml"/><Relationship Id="rId43" Type="http://schemas.openxmlformats.org/officeDocument/2006/relationships/slide" Target="slides/slide14.xml"/><Relationship Id="rId48" Type="http://schemas.openxmlformats.org/officeDocument/2006/relationships/font" Target="fonts/font2.fntdata"/><Relationship Id="rId56" Type="http://schemas.microsoft.com/office/2015/10/relationships/revisionInfo" Target="revisionInfo.xml"/><Relationship Id="rId8" Type="http://schemas.openxmlformats.org/officeDocument/2006/relationships/customXml" Target="../customXml/item8.xml"/><Relationship Id="rId51" Type="http://schemas.openxmlformats.org/officeDocument/2006/relationships/tags" Target="tags/tag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4.xml"/><Relationship Id="rId38" Type="http://schemas.openxmlformats.org/officeDocument/2006/relationships/slide" Target="slides/slide9.xml"/><Relationship Id="rId46" Type="http://schemas.openxmlformats.org/officeDocument/2006/relationships/handoutMaster" Target="handoutMasters/handoutMaster1.xml"/><Relationship Id="rId20" Type="http://schemas.openxmlformats.org/officeDocument/2006/relationships/customXml" Target="../customXml/item20.xml"/><Relationship Id="rId41" Type="http://schemas.openxmlformats.org/officeDocument/2006/relationships/slide" Target="slides/slide12.xml"/><Relationship Id="rId54"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7.xml"/><Relationship Id="rId49" Type="http://schemas.openxmlformats.org/officeDocument/2006/relationships/font" Target="fonts/font3.fntdata"/></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26/08/2024</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t>26/08/2024</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3.png"/><Relationship Id="rId7" Type="http://schemas.openxmlformats.org/officeDocument/2006/relationships/image" Target="../media/image17.png"/><Relationship Id="rId12" Type="http://schemas.openxmlformats.org/officeDocument/2006/relationships/image" Target="../media/image22.png"/><Relationship Id="rId2" Type="http://schemas.openxmlformats.org/officeDocument/2006/relationships/image" Target="../media/image12.png"/><Relationship Id="rId1" Type="http://schemas.openxmlformats.org/officeDocument/2006/relationships/slideMaster" Target="../slideMasters/slideMaster1.xml"/><Relationship Id="rId6" Type="http://schemas.openxmlformats.org/officeDocument/2006/relationships/image" Target="../media/image16.png"/><Relationship Id="rId11" Type="http://schemas.openxmlformats.org/officeDocument/2006/relationships/image" Target="../media/image21.png"/><Relationship Id="rId5" Type="http://schemas.openxmlformats.org/officeDocument/2006/relationships/image" Target="../media/image15.png"/><Relationship Id="rId10" Type="http://schemas.openxmlformats.org/officeDocument/2006/relationships/image" Target="../media/image20.png"/><Relationship Id="rId4" Type="http://schemas.openxmlformats.org/officeDocument/2006/relationships/image" Target="../media/image14.png"/><Relationship Id="rId9" Type="http://schemas.openxmlformats.org/officeDocument/2006/relationships/image" Target="../media/image19.png"/></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9.sv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11.pn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telslide mørk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sv-SE"/>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59600" y="838800"/>
            <a:ext cx="684000" cy="684000"/>
          </a:xfrm>
          <a:prstGeom prst="rect">
            <a:avLst/>
          </a:prstGeom>
        </p:spPr>
      </p:pic>
      <p:sp>
        <p:nvSpPr>
          <p:cNvPr id="1692" name="Placeholder picture">
            <a:extLst>
              <a:ext uri="{FF2B5EF4-FFF2-40B4-BE49-F238E27FC236}">
                <a16:creationId xmlns:a16="http://schemas.microsoft.com/office/drawing/2014/main" id="{E1BFBBFA-CD81-FA4B-EFDA-09B796440D18}"/>
              </a:ext>
            </a:extLst>
          </p:cNvPr>
          <p:cNvSpPr>
            <a:spLocks noGrp="1"/>
          </p:cNvSpPr>
          <p:nvPr>
            <p:ph type="pic" sz="quarter" idx="14" hasCustomPrompt="1"/>
          </p:nvPr>
        </p:nvSpPr>
        <p:spPr>
          <a:xfrm>
            <a:off x="5334000" y="0"/>
            <a:ext cx="6858000" cy="6858000"/>
          </a:xfrm>
          <a:custGeom>
            <a:avLst/>
            <a:gdLst>
              <a:gd name="connsiteX0" fmla="*/ 3745675 w 6858000"/>
              <a:gd name="connsiteY0" fmla="*/ 5709890 h 6858000"/>
              <a:gd name="connsiteX1" fmla="*/ 3745675 w 6858000"/>
              <a:gd name="connsiteY1" fmla="*/ 5710334 h 6858000"/>
              <a:gd name="connsiteX2" fmla="*/ 3746119 w 6858000"/>
              <a:gd name="connsiteY2" fmla="*/ 5710334 h 6858000"/>
              <a:gd name="connsiteX3" fmla="*/ 3746119 w 6858000"/>
              <a:gd name="connsiteY3" fmla="*/ 5709890 h 6858000"/>
              <a:gd name="connsiteX4" fmla="*/ 3622617 w 6858000"/>
              <a:gd name="connsiteY4" fmla="*/ 5709890 h 6858000"/>
              <a:gd name="connsiteX5" fmla="*/ 3622617 w 6858000"/>
              <a:gd name="connsiteY5" fmla="*/ 5710334 h 6858000"/>
              <a:gd name="connsiteX6" fmla="*/ 3623061 w 6858000"/>
              <a:gd name="connsiteY6" fmla="*/ 5710334 h 6858000"/>
              <a:gd name="connsiteX7" fmla="*/ 3623061 w 6858000"/>
              <a:gd name="connsiteY7" fmla="*/ 5709890 h 6858000"/>
              <a:gd name="connsiteX8" fmla="*/ 3499523 w 6858000"/>
              <a:gd name="connsiteY8" fmla="*/ 5709890 h 6858000"/>
              <a:gd name="connsiteX9" fmla="*/ 3499523 w 6858000"/>
              <a:gd name="connsiteY9" fmla="*/ 5710334 h 6858000"/>
              <a:gd name="connsiteX10" fmla="*/ 3499967 w 6858000"/>
              <a:gd name="connsiteY10" fmla="*/ 5710334 h 6858000"/>
              <a:gd name="connsiteX11" fmla="*/ 3499967 w 6858000"/>
              <a:gd name="connsiteY11" fmla="*/ 5709890 h 6858000"/>
              <a:gd name="connsiteX12" fmla="*/ 3376466 w 6858000"/>
              <a:gd name="connsiteY12" fmla="*/ 5709890 h 6858000"/>
              <a:gd name="connsiteX13" fmla="*/ 3376466 w 6858000"/>
              <a:gd name="connsiteY13" fmla="*/ 5710334 h 6858000"/>
              <a:gd name="connsiteX14" fmla="*/ 3376910 w 6858000"/>
              <a:gd name="connsiteY14" fmla="*/ 5710334 h 6858000"/>
              <a:gd name="connsiteX15" fmla="*/ 3376910 w 6858000"/>
              <a:gd name="connsiteY15" fmla="*/ 5709890 h 6858000"/>
              <a:gd name="connsiteX16" fmla="*/ 3253408 w 6858000"/>
              <a:gd name="connsiteY16" fmla="*/ 5709890 h 6858000"/>
              <a:gd name="connsiteX17" fmla="*/ 3253408 w 6858000"/>
              <a:gd name="connsiteY17" fmla="*/ 5710334 h 6858000"/>
              <a:gd name="connsiteX18" fmla="*/ 3253852 w 6858000"/>
              <a:gd name="connsiteY18" fmla="*/ 5710334 h 6858000"/>
              <a:gd name="connsiteX19" fmla="*/ 3253852 w 6858000"/>
              <a:gd name="connsiteY19" fmla="*/ 5709890 h 6858000"/>
              <a:gd name="connsiteX20" fmla="*/ 3130351 w 6858000"/>
              <a:gd name="connsiteY20" fmla="*/ 5709890 h 6858000"/>
              <a:gd name="connsiteX21" fmla="*/ 3130351 w 6858000"/>
              <a:gd name="connsiteY21" fmla="*/ 5710334 h 6858000"/>
              <a:gd name="connsiteX22" fmla="*/ 3130795 w 6858000"/>
              <a:gd name="connsiteY22" fmla="*/ 5710334 h 6858000"/>
              <a:gd name="connsiteX23" fmla="*/ 3130795 w 6858000"/>
              <a:gd name="connsiteY23" fmla="*/ 5709890 h 6858000"/>
              <a:gd name="connsiteX24" fmla="*/ 3007294 w 6858000"/>
              <a:gd name="connsiteY24" fmla="*/ 5709890 h 6858000"/>
              <a:gd name="connsiteX25" fmla="*/ 3007294 w 6858000"/>
              <a:gd name="connsiteY25" fmla="*/ 5710334 h 6858000"/>
              <a:gd name="connsiteX26" fmla="*/ 3007738 w 6858000"/>
              <a:gd name="connsiteY26" fmla="*/ 5710334 h 6858000"/>
              <a:gd name="connsiteX27" fmla="*/ 3007738 w 6858000"/>
              <a:gd name="connsiteY27" fmla="*/ 5709890 h 6858000"/>
              <a:gd name="connsiteX28" fmla="*/ 2884237 w 6858000"/>
              <a:gd name="connsiteY28" fmla="*/ 5709890 h 6858000"/>
              <a:gd name="connsiteX29" fmla="*/ 2884237 w 6858000"/>
              <a:gd name="connsiteY29" fmla="*/ 5710334 h 6858000"/>
              <a:gd name="connsiteX30" fmla="*/ 2884681 w 6858000"/>
              <a:gd name="connsiteY30" fmla="*/ 5710334 h 6858000"/>
              <a:gd name="connsiteX31" fmla="*/ 2884681 w 6858000"/>
              <a:gd name="connsiteY31" fmla="*/ 5709890 h 6858000"/>
              <a:gd name="connsiteX32" fmla="*/ 2761179 w 6858000"/>
              <a:gd name="connsiteY32" fmla="*/ 5709890 h 6858000"/>
              <a:gd name="connsiteX33" fmla="*/ 2761179 w 6858000"/>
              <a:gd name="connsiteY33" fmla="*/ 5710334 h 6858000"/>
              <a:gd name="connsiteX34" fmla="*/ 2761623 w 6858000"/>
              <a:gd name="connsiteY34" fmla="*/ 5710334 h 6858000"/>
              <a:gd name="connsiteX35" fmla="*/ 2761623 w 6858000"/>
              <a:gd name="connsiteY35" fmla="*/ 5709890 h 6858000"/>
              <a:gd name="connsiteX36" fmla="*/ 2638122 w 6858000"/>
              <a:gd name="connsiteY36" fmla="*/ 5709890 h 6858000"/>
              <a:gd name="connsiteX37" fmla="*/ 2638122 w 6858000"/>
              <a:gd name="connsiteY37" fmla="*/ 5710334 h 6858000"/>
              <a:gd name="connsiteX38" fmla="*/ 2638566 w 6858000"/>
              <a:gd name="connsiteY38" fmla="*/ 5710334 h 6858000"/>
              <a:gd name="connsiteX39" fmla="*/ 2638566 w 6858000"/>
              <a:gd name="connsiteY39" fmla="*/ 5709890 h 6858000"/>
              <a:gd name="connsiteX40" fmla="*/ 2515065 w 6858000"/>
              <a:gd name="connsiteY40" fmla="*/ 5709890 h 6858000"/>
              <a:gd name="connsiteX41" fmla="*/ 2515065 w 6858000"/>
              <a:gd name="connsiteY41" fmla="*/ 5710334 h 6858000"/>
              <a:gd name="connsiteX42" fmla="*/ 2515509 w 6858000"/>
              <a:gd name="connsiteY42" fmla="*/ 5710334 h 6858000"/>
              <a:gd name="connsiteX43" fmla="*/ 2515509 w 6858000"/>
              <a:gd name="connsiteY43" fmla="*/ 5709890 h 6858000"/>
              <a:gd name="connsiteX44" fmla="*/ 2392007 w 6858000"/>
              <a:gd name="connsiteY44" fmla="*/ 5709890 h 6858000"/>
              <a:gd name="connsiteX45" fmla="*/ 2392007 w 6858000"/>
              <a:gd name="connsiteY45" fmla="*/ 5710334 h 6858000"/>
              <a:gd name="connsiteX46" fmla="*/ 2392451 w 6858000"/>
              <a:gd name="connsiteY46" fmla="*/ 5710334 h 6858000"/>
              <a:gd name="connsiteX47" fmla="*/ 2392451 w 6858000"/>
              <a:gd name="connsiteY47" fmla="*/ 5709890 h 6858000"/>
              <a:gd name="connsiteX48" fmla="*/ 2268950 w 6858000"/>
              <a:gd name="connsiteY48" fmla="*/ 5709890 h 6858000"/>
              <a:gd name="connsiteX49" fmla="*/ 2268950 w 6858000"/>
              <a:gd name="connsiteY49" fmla="*/ 5710334 h 6858000"/>
              <a:gd name="connsiteX50" fmla="*/ 2269394 w 6858000"/>
              <a:gd name="connsiteY50" fmla="*/ 5710334 h 6858000"/>
              <a:gd name="connsiteX51" fmla="*/ 2269394 w 6858000"/>
              <a:gd name="connsiteY51" fmla="*/ 5709890 h 6858000"/>
              <a:gd name="connsiteX52" fmla="*/ 2145893 w 6858000"/>
              <a:gd name="connsiteY52" fmla="*/ 5709890 h 6858000"/>
              <a:gd name="connsiteX53" fmla="*/ 2145893 w 6858000"/>
              <a:gd name="connsiteY53" fmla="*/ 5710334 h 6858000"/>
              <a:gd name="connsiteX54" fmla="*/ 2146337 w 6858000"/>
              <a:gd name="connsiteY54" fmla="*/ 5710334 h 6858000"/>
              <a:gd name="connsiteX55" fmla="*/ 2146337 w 6858000"/>
              <a:gd name="connsiteY55" fmla="*/ 5709890 h 6858000"/>
              <a:gd name="connsiteX56" fmla="*/ 2022835 w 6858000"/>
              <a:gd name="connsiteY56" fmla="*/ 5709890 h 6858000"/>
              <a:gd name="connsiteX57" fmla="*/ 2022835 w 6858000"/>
              <a:gd name="connsiteY57" fmla="*/ 5710334 h 6858000"/>
              <a:gd name="connsiteX58" fmla="*/ 2023279 w 6858000"/>
              <a:gd name="connsiteY58" fmla="*/ 5710334 h 6858000"/>
              <a:gd name="connsiteX59" fmla="*/ 2023279 w 6858000"/>
              <a:gd name="connsiteY59" fmla="*/ 5709890 h 6858000"/>
              <a:gd name="connsiteX60" fmla="*/ 1899741 w 6858000"/>
              <a:gd name="connsiteY60" fmla="*/ 5709890 h 6858000"/>
              <a:gd name="connsiteX61" fmla="*/ 1899741 w 6858000"/>
              <a:gd name="connsiteY61" fmla="*/ 5710334 h 6858000"/>
              <a:gd name="connsiteX62" fmla="*/ 1900185 w 6858000"/>
              <a:gd name="connsiteY62" fmla="*/ 5710334 h 6858000"/>
              <a:gd name="connsiteX63" fmla="*/ 1900185 w 6858000"/>
              <a:gd name="connsiteY63" fmla="*/ 5709890 h 6858000"/>
              <a:gd name="connsiteX64" fmla="*/ 1776684 w 6858000"/>
              <a:gd name="connsiteY64" fmla="*/ 5709890 h 6858000"/>
              <a:gd name="connsiteX65" fmla="*/ 1776684 w 6858000"/>
              <a:gd name="connsiteY65" fmla="*/ 5710334 h 6858000"/>
              <a:gd name="connsiteX66" fmla="*/ 1777128 w 6858000"/>
              <a:gd name="connsiteY66" fmla="*/ 5710334 h 6858000"/>
              <a:gd name="connsiteX67" fmla="*/ 1777128 w 6858000"/>
              <a:gd name="connsiteY67" fmla="*/ 5709890 h 6858000"/>
              <a:gd name="connsiteX68" fmla="*/ 1653626 w 6858000"/>
              <a:gd name="connsiteY68" fmla="*/ 5709890 h 6858000"/>
              <a:gd name="connsiteX69" fmla="*/ 1653626 w 6858000"/>
              <a:gd name="connsiteY69" fmla="*/ 5710334 h 6858000"/>
              <a:gd name="connsiteX70" fmla="*/ 1654070 w 6858000"/>
              <a:gd name="connsiteY70" fmla="*/ 5710334 h 6858000"/>
              <a:gd name="connsiteX71" fmla="*/ 1654070 w 6858000"/>
              <a:gd name="connsiteY71" fmla="*/ 5709890 h 6858000"/>
              <a:gd name="connsiteX72" fmla="*/ 1530569 w 6858000"/>
              <a:gd name="connsiteY72" fmla="*/ 5709890 h 6858000"/>
              <a:gd name="connsiteX73" fmla="*/ 1530569 w 6858000"/>
              <a:gd name="connsiteY73" fmla="*/ 5710334 h 6858000"/>
              <a:gd name="connsiteX74" fmla="*/ 1531013 w 6858000"/>
              <a:gd name="connsiteY74" fmla="*/ 5710334 h 6858000"/>
              <a:gd name="connsiteX75" fmla="*/ 1531013 w 6858000"/>
              <a:gd name="connsiteY75" fmla="*/ 5709890 h 6858000"/>
              <a:gd name="connsiteX76" fmla="*/ 1407512 w 6858000"/>
              <a:gd name="connsiteY76" fmla="*/ 5709890 h 6858000"/>
              <a:gd name="connsiteX77" fmla="*/ 1407512 w 6858000"/>
              <a:gd name="connsiteY77" fmla="*/ 5710334 h 6858000"/>
              <a:gd name="connsiteX78" fmla="*/ 1407956 w 6858000"/>
              <a:gd name="connsiteY78" fmla="*/ 5710334 h 6858000"/>
              <a:gd name="connsiteX79" fmla="*/ 1407956 w 6858000"/>
              <a:gd name="connsiteY79" fmla="*/ 5709890 h 6858000"/>
              <a:gd name="connsiteX80" fmla="*/ 1284454 w 6858000"/>
              <a:gd name="connsiteY80" fmla="*/ 5709890 h 6858000"/>
              <a:gd name="connsiteX81" fmla="*/ 1284454 w 6858000"/>
              <a:gd name="connsiteY81" fmla="*/ 5710334 h 6858000"/>
              <a:gd name="connsiteX82" fmla="*/ 1284898 w 6858000"/>
              <a:gd name="connsiteY82" fmla="*/ 5710334 h 6858000"/>
              <a:gd name="connsiteX83" fmla="*/ 1284898 w 6858000"/>
              <a:gd name="connsiteY83" fmla="*/ 5709890 h 6858000"/>
              <a:gd name="connsiteX84" fmla="*/ 1161397 w 6858000"/>
              <a:gd name="connsiteY84" fmla="*/ 5709890 h 6858000"/>
              <a:gd name="connsiteX85" fmla="*/ 1161397 w 6858000"/>
              <a:gd name="connsiteY85" fmla="*/ 5710334 h 6858000"/>
              <a:gd name="connsiteX86" fmla="*/ 1161841 w 6858000"/>
              <a:gd name="connsiteY86" fmla="*/ 5710334 h 6858000"/>
              <a:gd name="connsiteX87" fmla="*/ 1161841 w 6858000"/>
              <a:gd name="connsiteY87" fmla="*/ 5709890 h 6858000"/>
              <a:gd name="connsiteX88" fmla="*/ 1038340 w 6858000"/>
              <a:gd name="connsiteY88" fmla="*/ 5709890 h 6858000"/>
              <a:gd name="connsiteX89" fmla="*/ 1038340 w 6858000"/>
              <a:gd name="connsiteY89" fmla="*/ 5710334 h 6858000"/>
              <a:gd name="connsiteX90" fmla="*/ 1038784 w 6858000"/>
              <a:gd name="connsiteY90" fmla="*/ 5710334 h 6858000"/>
              <a:gd name="connsiteX91" fmla="*/ 1038784 w 6858000"/>
              <a:gd name="connsiteY91" fmla="*/ 5709890 h 6858000"/>
              <a:gd name="connsiteX92" fmla="*/ 3745675 w 6858000"/>
              <a:gd name="connsiteY92" fmla="*/ 5586833 h 6858000"/>
              <a:gd name="connsiteX93" fmla="*/ 3745675 w 6858000"/>
              <a:gd name="connsiteY93" fmla="*/ 5587277 h 6858000"/>
              <a:gd name="connsiteX94" fmla="*/ 3746119 w 6858000"/>
              <a:gd name="connsiteY94" fmla="*/ 5587277 h 6858000"/>
              <a:gd name="connsiteX95" fmla="*/ 3746119 w 6858000"/>
              <a:gd name="connsiteY95" fmla="*/ 5586833 h 6858000"/>
              <a:gd name="connsiteX96" fmla="*/ 3622617 w 6858000"/>
              <a:gd name="connsiteY96" fmla="*/ 5586833 h 6858000"/>
              <a:gd name="connsiteX97" fmla="*/ 3622617 w 6858000"/>
              <a:gd name="connsiteY97" fmla="*/ 5587277 h 6858000"/>
              <a:gd name="connsiteX98" fmla="*/ 3623061 w 6858000"/>
              <a:gd name="connsiteY98" fmla="*/ 5587277 h 6858000"/>
              <a:gd name="connsiteX99" fmla="*/ 3623061 w 6858000"/>
              <a:gd name="connsiteY99" fmla="*/ 5586833 h 6858000"/>
              <a:gd name="connsiteX100" fmla="*/ 3499523 w 6858000"/>
              <a:gd name="connsiteY100" fmla="*/ 5586833 h 6858000"/>
              <a:gd name="connsiteX101" fmla="*/ 3499523 w 6858000"/>
              <a:gd name="connsiteY101" fmla="*/ 5587277 h 6858000"/>
              <a:gd name="connsiteX102" fmla="*/ 3499967 w 6858000"/>
              <a:gd name="connsiteY102" fmla="*/ 5587277 h 6858000"/>
              <a:gd name="connsiteX103" fmla="*/ 3499967 w 6858000"/>
              <a:gd name="connsiteY103" fmla="*/ 5586833 h 6858000"/>
              <a:gd name="connsiteX104" fmla="*/ 3376466 w 6858000"/>
              <a:gd name="connsiteY104" fmla="*/ 5586833 h 6858000"/>
              <a:gd name="connsiteX105" fmla="*/ 3376466 w 6858000"/>
              <a:gd name="connsiteY105" fmla="*/ 5587277 h 6858000"/>
              <a:gd name="connsiteX106" fmla="*/ 3376910 w 6858000"/>
              <a:gd name="connsiteY106" fmla="*/ 5587277 h 6858000"/>
              <a:gd name="connsiteX107" fmla="*/ 3376910 w 6858000"/>
              <a:gd name="connsiteY107" fmla="*/ 5586833 h 6858000"/>
              <a:gd name="connsiteX108" fmla="*/ 3253408 w 6858000"/>
              <a:gd name="connsiteY108" fmla="*/ 5586833 h 6858000"/>
              <a:gd name="connsiteX109" fmla="*/ 3253408 w 6858000"/>
              <a:gd name="connsiteY109" fmla="*/ 5587277 h 6858000"/>
              <a:gd name="connsiteX110" fmla="*/ 3253852 w 6858000"/>
              <a:gd name="connsiteY110" fmla="*/ 5587277 h 6858000"/>
              <a:gd name="connsiteX111" fmla="*/ 3253852 w 6858000"/>
              <a:gd name="connsiteY111" fmla="*/ 5586833 h 6858000"/>
              <a:gd name="connsiteX112" fmla="*/ 3130351 w 6858000"/>
              <a:gd name="connsiteY112" fmla="*/ 5586833 h 6858000"/>
              <a:gd name="connsiteX113" fmla="*/ 3130351 w 6858000"/>
              <a:gd name="connsiteY113" fmla="*/ 5587277 h 6858000"/>
              <a:gd name="connsiteX114" fmla="*/ 3130795 w 6858000"/>
              <a:gd name="connsiteY114" fmla="*/ 5587277 h 6858000"/>
              <a:gd name="connsiteX115" fmla="*/ 3130795 w 6858000"/>
              <a:gd name="connsiteY115" fmla="*/ 5586833 h 6858000"/>
              <a:gd name="connsiteX116" fmla="*/ 3007294 w 6858000"/>
              <a:gd name="connsiteY116" fmla="*/ 5586833 h 6858000"/>
              <a:gd name="connsiteX117" fmla="*/ 3007294 w 6858000"/>
              <a:gd name="connsiteY117" fmla="*/ 5587277 h 6858000"/>
              <a:gd name="connsiteX118" fmla="*/ 3007738 w 6858000"/>
              <a:gd name="connsiteY118" fmla="*/ 5587277 h 6858000"/>
              <a:gd name="connsiteX119" fmla="*/ 3007738 w 6858000"/>
              <a:gd name="connsiteY119" fmla="*/ 5586833 h 6858000"/>
              <a:gd name="connsiteX120" fmla="*/ 2884237 w 6858000"/>
              <a:gd name="connsiteY120" fmla="*/ 5586833 h 6858000"/>
              <a:gd name="connsiteX121" fmla="*/ 2884237 w 6858000"/>
              <a:gd name="connsiteY121" fmla="*/ 5587277 h 6858000"/>
              <a:gd name="connsiteX122" fmla="*/ 2884681 w 6858000"/>
              <a:gd name="connsiteY122" fmla="*/ 5587277 h 6858000"/>
              <a:gd name="connsiteX123" fmla="*/ 2884681 w 6858000"/>
              <a:gd name="connsiteY123" fmla="*/ 5586833 h 6858000"/>
              <a:gd name="connsiteX124" fmla="*/ 2761179 w 6858000"/>
              <a:gd name="connsiteY124" fmla="*/ 5586833 h 6858000"/>
              <a:gd name="connsiteX125" fmla="*/ 2761179 w 6858000"/>
              <a:gd name="connsiteY125" fmla="*/ 5587277 h 6858000"/>
              <a:gd name="connsiteX126" fmla="*/ 2761623 w 6858000"/>
              <a:gd name="connsiteY126" fmla="*/ 5587277 h 6858000"/>
              <a:gd name="connsiteX127" fmla="*/ 2761623 w 6858000"/>
              <a:gd name="connsiteY127" fmla="*/ 5586833 h 6858000"/>
              <a:gd name="connsiteX128" fmla="*/ 2638122 w 6858000"/>
              <a:gd name="connsiteY128" fmla="*/ 5586833 h 6858000"/>
              <a:gd name="connsiteX129" fmla="*/ 2638122 w 6858000"/>
              <a:gd name="connsiteY129" fmla="*/ 5587277 h 6858000"/>
              <a:gd name="connsiteX130" fmla="*/ 2638566 w 6858000"/>
              <a:gd name="connsiteY130" fmla="*/ 5587277 h 6858000"/>
              <a:gd name="connsiteX131" fmla="*/ 2638566 w 6858000"/>
              <a:gd name="connsiteY131" fmla="*/ 5586833 h 6858000"/>
              <a:gd name="connsiteX132" fmla="*/ 2515065 w 6858000"/>
              <a:gd name="connsiteY132" fmla="*/ 5586833 h 6858000"/>
              <a:gd name="connsiteX133" fmla="*/ 2515065 w 6858000"/>
              <a:gd name="connsiteY133" fmla="*/ 5587277 h 6858000"/>
              <a:gd name="connsiteX134" fmla="*/ 2515509 w 6858000"/>
              <a:gd name="connsiteY134" fmla="*/ 5587277 h 6858000"/>
              <a:gd name="connsiteX135" fmla="*/ 2515509 w 6858000"/>
              <a:gd name="connsiteY135" fmla="*/ 5586833 h 6858000"/>
              <a:gd name="connsiteX136" fmla="*/ 2392007 w 6858000"/>
              <a:gd name="connsiteY136" fmla="*/ 5586833 h 6858000"/>
              <a:gd name="connsiteX137" fmla="*/ 2392007 w 6858000"/>
              <a:gd name="connsiteY137" fmla="*/ 5587277 h 6858000"/>
              <a:gd name="connsiteX138" fmla="*/ 2392451 w 6858000"/>
              <a:gd name="connsiteY138" fmla="*/ 5587277 h 6858000"/>
              <a:gd name="connsiteX139" fmla="*/ 2392451 w 6858000"/>
              <a:gd name="connsiteY139" fmla="*/ 5586833 h 6858000"/>
              <a:gd name="connsiteX140" fmla="*/ 2268950 w 6858000"/>
              <a:gd name="connsiteY140" fmla="*/ 5586833 h 6858000"/>
              <a:gd name="connsiteX141" fmla="*/ 2268950 w 6858000"/>
              <a:gd name="connsiteY141" fmla="*/ 5587277 h 6858000"/>
              <a:gd name="connsiteX142" fmla="*/ 2269394 w 6858000"/>
              <a:gd name="connsiteY142" fmla="*/ 5587277 h 6858000"/>
              <a:gd name="connsiteX143" fmla="*/ 2269394 w 6858000"/>
              <a:gd name="connsiteY143" fmla="*/ 5586833 h 6858000"/>
              <a:gd name="connsiteX144" fmla="*/ 2145893 w 6858000"/>
              <a:gd name="connsiteY144" fmla="*/ 5586833 h 6858000"/>
              <a:gd name="connsiteX145" fmla="*/ 2145893 w 6858000"/>
              <a:gd name="connsiteY145" fmla="*/ 5587277 h 6858000"/>
              <a:gd name="connsiteX146" fmla="*/ 2146337 w 6858000"/>
              <a:gd name="connsiteY146" fmla="*/ 5587277 h 6858000"/>
              <a:gd name="connsiteX147" fmla="*/ 2146337 w 6858000"/>
              <a:gd name="connsiteY147" fmla="*/ 5586833 h 6858000"/>
              <a:gd name="connsiteX148" fmla="*/ 2022835 w 6858000"/>
              <a:gd name="connsiteY148" fmla="*/ 5586833 h 6858000"/>
              <a:gd name="connsiteX149" fmla="*/ 2022835 w 6858000"/>
              <a:gd name="connsiteY149" fmla="*/ 5587277 h 6858000"/>
              <a:gd name="connsiteX150" fmla="*/ 2023279 w 6858000"/>
              <a:gd name="connsiteY150" fmla="*/ 5587277 h 6858000"/>
              <a:gd name="connsiteX151" fmla="*/ 2023279 w 6858000"/>
              <a:gd name="connsiteY151" fmla="*/ 5586833 h 6858000"/>
              <a:gd name="connsiteX152" fmla="*/ 1899741 w 6858000"/>
              <a:gd name="connsiteY152" fmla="*/ 5586833 h 6858000"/>
              <a:gd name="connsiteX153" fmla="*/ 1899741 w 6858000"/>
              <a:gd name="connsiteY153" fmla="*/ 5587277 h 6858000"/>
              <a:gd name="connsiteX154" fmla="*/ 1900185 w 6858000"/>
              <a:gd name="connsiteY154" fmla="*/ 5587277 h 6858000"/>
              <a:gd name="connsiteX155" fmla="*/ 1900185 w 6858000"/>
              <a:gd name="connsiteY155" fmla="*/ 5586833 h 6858000"/>
              <a:gd name="connsiteX156" fmla="*/ 1776684 w 6858000"/>
              <a:gd name="connsiteY156" fmla="*/ 5586833 h 6858000"/>
              <a:gd name="connsiteX157" fmla="*/ 1776684 w 6858000"/>
              <a:gd name="connsiteY157" fmla="*/ 5587277 h 6858000"/>
              <a:gd name="connsiteX158" fmla="*/ 1777128 w 6858000"/>
              <a:gd name="connsiteY158" fmla="*/ 5587277 h 6858000"/>
              <a:gd name="connsiteX159" fmla="*/ 1777128 w 6858000"/>
              <a:gd name="connsiteY159" fmla="*/ 5586833 h 6858000"/>
              <a:gd name="connsiteX160" fmla="*/ 1653626 w 6858000"/>
              <a:gd name="connsiteY160" fmla="*/ 5586833 h 6858000"/>
              <a:gd name="connsiteX161" fmla="*/ 1653626 w 6858000"/>
              <a:gd name="connsiteY161" fmla="*/ 5587277 h 6858000"/>
              <a:gd name="connsiteX162" fmla="*/ 1654070 w 6858000"/>
              <a:gd name="connsiteY162" fmla="*/ 5587277 h 6858000"/>
              <a:gd name="connsiteX163" fmla="*/ 1654070 w 6858000"/>
              <a:gd name="connsiteY163" fmla="*/ 5586833 h 6858000"/>
              <a:gd name="connsiteX164" fmla="*/ 1530569 w 6858000"/>
              <a:gd name="connsiteY164" fmla="*/ 5586833 h 6858000"/>
              <a:gd name="connsiteX165" fmla="*/ 1530569 w 6858000"/>
              <a:gd name="connsiteY165" fmla="*/ 5587277 h 6858000"/>
              <a:gd name="connsiteX166" fmla="*/ 1531013 w 6858000"/>
              <a:gd name="connsiteY166" fmla="*/ 5587277 h 6858000"/>
              <a:gd name="connsiteX167" fmla="*/ 1531013 w 6858000"/>
              <a:gd name="connsiteY167" fmla="*/ 5586833 h 6858000"/>
              <a:gd name="connsiteX168" fmla="*/ 1407512 w 6858000"/>
              <a:gd name="connsiteY168" fmla="*/ 5586833 h 6858000"/>
              <a:gd name="connsiteX169" fmla="*/ 1407512 w 6858000"/>
              <a:gd name="connsiteY169" fmla="*/ 5587277 h 6858000"/>
              <a:gd name="connsiteX170" fmla="*/ 1407956 w 6858000"/>
              <a:gd name="connsiteY170" fmla="*/ 5587277 h 6858000"/>
              <a:gd name="connsiteX171" fmla="*/ 1407956 w 6858000"/>
              <a:gd name="connsiteY171" fmla="*/ 5586833 h 6858000"/>
              <a:gd name="connsiteX172" fmla="*/ 1284454 w 6858000"/>
              <a:gd name="connsiteY172" fmla="*/ 5586833 h 6858000"/>
              <a:gd name="connsiteX173" fmla="*/ 1284454 w 6858000"/>
              <a:gd name="connsiteY173" fmla="*/ 5587277 h 6858000"/>
              <a:gd name="connsiteX174" fmla="*/ 1284898 w 6858000"/>
              <a:gd name="connsiteY174" fmla="*/ 5587277 h 6858000"/>
              <a:gd name="connsiteX175" fmla="*/ 1284898 w 6858000"/>
              <a:gd name="connsiteY175" fmla="*/ 5586833 h 6858000"/>
              <a:gd name="connsiteX176" fmla="*/ 1161397 w 6858000"/>
              <a:gd name="connsiteY176" fmla="*/ 5586833 h 6858000"/>
              <a:gd name="connsiteX177" fmla="*/ 1161397 w 6858000"/>
              <a:gd name="connsiteY177" fmla="*/ 5587277 h 6858000"/>
              <a:gd name="connsiteX178" fmla="*/ 1161841 w 6858000"/>
              <a:gd name="connsiteY178" fmla="*/ 5587277 h 6858000"/>
              <a:gd name="connsiteX179" fmla="*/ 1161841 w 6858000"/>
              <a:gd name="connsiteY179" fmla="*/ 5586833 h 6858000"/>
              <a:gd name="connsiteX180" fmla="*/ 1038340 w 6858000"/>
              <a:gd name="connsiteY180" fmla="*/ 5586833 h 6858000"/>
              <a:gd name="connsiteX181" fmla="*/ 1038340 w 6858000"/>
              <a:gd name="connsiteY181" fmla="*/ 5587277 h 6858000"/>
              <a:gd name="connsiteX182" fmla="*/ 1038784 w 6858000"/>
              <a:gd name="connsiteY182" fmla="*/ 5587277 h 6858000"/>
              <a:gd name="connsiteX183" fmla="*/ 1038784 w 6858000"/>
              <a:gd name="connsiteY183" fmla="*/ 5586833 h 6858000"/>
              <a:gd name="connsiteX184" fmla="*/ 915282 w 6858000"/>
              <a:gd name="connsiteY184" fmla="*/ 5586833 h 6858000"/>
              <a:gd name="connsiteX185" fmla="*/ 915282 w 6858000"/>
              <a:gd name="connsiteY185" fmla="*/ 5587277 h 6858000"/>
              <a:gd name="connsiteX186" fmla="*/ 915726 w 6858000"/>
              <a:gd name="connsiteY186" fmla="*/ 5587277 h 6858000"/>
              <a:gd name="connsiteX187" fmla="*/ 915726 w 6858000"/>
              <a:gd name="connsiteY187" fmla="*/ 5586833 h 6858000"/>
              <a:gd name="connsiteX188" fmla="*/ 3991789 w 6858000"/>
              <a:gd name="connsiteY188" fmla="*/ 5463776 h 6858000"/>
              <a:gd name="connsiteX189" fmla="*/ 3991789 w 6858000"/>
              <a:gd name="connsiteY189" fmla="*/ 5464220 h 6858000"/>
              <a:gd name="connsiteX190" fmla="*/ 3992234 w 6858000"/>
              <a:gd name="connsiteY190" fmla="*/ 5464220 h 6858000"/>
              <a:gd name="connsiteX191" fmla="*/ 3992234 w 6858000"/>
              <a:gd name="connsiteY191" fmla="*/ 5463776 h 6858000"/>
              <a:gd name="connsiteX192" fmla="*/ 3868732 w 6858000"/>
              <a:gd name="connsiteY192" fmla="*/ 5463776 h 6858000"/>
              <a:gd name="connsiteX193" fmla="*/ 3868732 w 6858000"/>
              <a:gd name="connsiteY193" fmla="*/ 5464220 h 6858000"/>
              <a:gd name="connsiteX194" fmla="*/ 3869176 w 6858000"/>
              <a:gd name="connsiteY194" fmla="*/ 5464220 h 6858000"/>
              <a:gd name="connsiteX195" fmla="*/ 3869176 w 6858000"/>
              <a:gd name="connsiteY195" fmla="*/ 5463776 h 6858000"/>
              <a:gd name="connsiteX196" fmla="*/ 3745675 w 6858000"/>
              <a:gd name="connsiteY196" fmla="*/ 5463776 h 6858000"/>
              <a:gd name="connsiteX197" fmla="*/ 3745675 w 6858000"/>
              <a:gd name="connsiteY197" fmla="*/ 5464220 h 6858000"/>
              <a:gd name="connsiteX198" fmla="*/ 3746119 w 6858000"/>
              <a:gd name="connsiteY198" fmla="*/ 5464220 h 6858000"/>
              <a:gd name="connsiteX199" fmla="*/ 3746119 w 6858000"/>
              <a:gd name="connsiteY199" fmla="*/ 5463776 h 6858000"/>
              <a:gd name="connsiteX200" fmla="*/ 3622617 w 6858000"/>
              <a:gd name="connsiteY200" fmla="*/ 5463776 h 6858000"/>
              <a:gd name="connsiteX201" fmla="*/ 3622617 w 6858000"/>
              <a:gd name="connsiteY201" fmla="*/ 5464220 h 6858000"/>
              <a:gd name="connsiteX202" fmla="*/ 3623061 w 6858000"/>
              <a:gd name="connsiteY202" fmla="*/ 5464220 h 6858000"/>
              <a:gd name="connsiteX203" fmla="*/ 3623061 w 6858000"/>
              <a:gd name="connsiteY203" fmla="*/ 5463776 h 6858000"/>
              <a:gd name="connsiteX204" fmla="*/ 3499523 w 6858000"/>
              <a:gd name="connsiteY204" fmla="*/ 5463776 h 6858000"/>
              <a:gd name="connsiteX205" fmla="*/ 3499523 w 6858000"/>
              <a:gd name="connsiteY205" fmla="*/ 5464220 h 6858000"/>
              <a:gd name="connsiteX206" fmla="*/ 3499967 w 6858000"/>
              <a:gd name="connsiteY206" fmla="*/ 5464220 h 6858000"/>
              <a:gd name="connsiteX207" fmla="*/ 3499967 w 6858000"/>
              <a:gd name="connsiteY207" fmla="*/ 5463776 h 6858000"/>
              <a:gd name="connsiteX208" fmla="*/ 3376466 w 6858000"/>
              <a:gd name="connsiteY208" fmla="*/ 5463776 h 6858000"/>
              <a:gd name="connsiteX209" fmla="*/ 3376466 w 6858000"/>
              <a:gd name="connsiteY209" fmla="*/ 5464220 h 6858000"/>
              <a:gd name="connsiteX210" fmla="*/ 3376910 w 6858000"/>
              <a:gd name="connsiteY210" fmla="*/ 5464220 h 6858000"/>
              <a:gd name="connsiteX211" fmla="*/ 3376910 w 6858000"/>
              <a:gd name="connsiteY211" fmla="*/ 5463776 h 6858000"/>
              <a:gd name="connsiteX212" fmla="*/ 3253408 w 6858000"/>
              <a:gd name="connsiteY212" fmla="*/ 5463776 h 6858000"/>
              <a:gd name="connsiteX213" fmla="*/ 3253408 w 6858000"/>
              <a:gd name="connsiteY213" fmla="*/ 5464220 h 6858000"/>
              <a:gd name="connsiteX214" fmla="*/ 3253852 w 6858000"/>
              <a:gd name="connsiteY214" fmla="*/ 5464220 h 6858000"/>
              <a:gd name="connsiteX215" fmla="*/ 3253852 w 6858000"/>
              <a:gd name="connsiteY215" fmla="*/ 5463776 h 6858000"/>
              <a:gd name="connsiteX216" fmla="*/ 3130351 w 6858000"/>
              <a:gd name="connsiteY216" fmla="*/ 5463776 h 6858000"/>
              <a:gd name="connsiteX217" fmla="*/ 3130351 w 6858000"/>
              <a:gd name="connsiteY217" fmla="*/ 5464220 h 6858000"/>
              <a:gd name="connsiteX218" fmla="*/ 3130795 w 6858000"/>
              <a:gd name="connsiteY218" fmla="*/ 5464220 h 6858000"/>
              <a:gd name="connsiteX219" fmla="*/ 3130795 w 6858000"/>
              <a:gd name="connsiteY219" fmla="*/ 5463776 h 6858000"/>
              <a:gd name="connsiteX220" fmla="*/ 3007294 w 6858000"/>
              <a:gd name="connsiteY220" fmla="*/ 5463776 h 6858000"/>
              <a:gd name="connsiteX221" fmla="*/ 3007294 w 6858000"/>
              <a:gd name="connsiteY221" fmla="*/ 5464220 h 6858000"/>
              <a:gd name="connsiteX222" fmla="*/ 3007738 w 6858000"/>
              <a:gd name="connsiteY222" fmla="*/ 5464220 h 6858000"/>
              <a:gd name="connsiteX223" fmla="*/ 3007738 w 6858000"/>
              <a:gd name="connsiteY223" fmla="*/ 5463776 h 6858000"/>
              <a:gd name="connsiteX224" fmla="*/ 2884237 w 6858000"/>
              <a:gd name="connsiteY224" fmla="*/ 5463776 h 6858000"/>
              <a:gd name="connsiteX225" fmla="*/ 2884237 w 6858000"/>
              <a:gd name="connsiteY225" fmla="*/ 5464220 h 6858000"/>
              <a:gd name="connsiteX226" fmla="*/ 2884681 w 6858000"/>
              <a:gd name="connsiteY226" fmla="*/ 5464220 h 6858000"/>
              <a:gd name="connsiteX227" fmla="*/ 2884681 w 6858000"/>
              <a:gd name="connsiteY227" fmla="*/ 5463776 h 6858000"/>
              <a:gd name="connsiteX228" fmla="*/ 2761179 w 6858000"/>
              <a:gd name="connsiteY228" fmla="*/ 5463776 h 6858000"/>
              <a:gd name="connsiteX229" fmla="*/ 2761179 w 6858000"/>
              <a:gd name="connsiteY229" fmla="*/ 5464220 h 6858000"/>
              <a:gd name="connsiteX230" fmla="*/ 2761623 w 6858000"/>
              <a:gd name="connsiteY230" fmla="*/ 5464220 h 6858000"/>
              <a:gd name="connsiteX231" fmla="*/ 2761623 w 6858000"/>
              <a:gd name="connsiteY231" fmla="*/ 5463776 h 6858000"/>
              <a:gd name="connsiteX232" fmla="*/ 2638122 w 6858000"/>
              <a:gd name="connsiteY232" fmla="*/ 5463776 h 6858000"/>
              <a:gd name="connsiteX233" fmla="*/ 2638122 w 6858000"/>
              <a:gd name="connsiteY233" fmla="*/ 5464220 h 6858000"/>
              <a:gd name="connsiteX234" fmla="*/ 2638566 w 6858000"/>
              <a:gd name="connsiteY234" fmla="*/ 5464220 h 6858000"/>
              <a:gd name="connsiteX235" fmla="*/ 2638566 w 6858000"/>
              <a:gd name="connsiteY235" fmla="*/ 5463776 h 6858000"/>
              <a:gd name="connsiteX236" fmla="*/ 2515065 w 6858000"/>
              <a:gd name="connsiteY236" fmla="*/ 5463776 h 6858000"/>
              <a:gd name="connsiteX237" fmla="*/ 2515065 w 6858000"/>
              <a:gd name="connsiteY237" fmla="*/ 5464220 h 6858000"/>
              <a:gd name="connsiteX238" fmla="*/ 2515509 w 6858000"/>
              <a:gd name="connsiteY238" fmla="*/ 5464220 h 6858000"/>
              <a:gd name="connsiteX239" fmla="*/ 2515509 w 6858000"/>
              <a:gd name="connsiteY239" fmla="*/ 5463776 h 6858000"/>
              <a:gd name="connsiteX240" fmla="*/ 2392007 w 6858000"/>
              <a:gd name="connsiteY240" fmla="*/ 5463776 h 6858000"/>
              <a:gd name="connsiteX241" fmla="*/ 2392007 w 6858000"/>
              <a:gd name="connsiteY241" fmla="*/ 5464220 h 6858000"/>
              <a:gd name="connsiteX242" fmla="*/ 2392451 w 6858000"/>
              <a:gd name="connsiteY242" fmla="*/ 5464220 h 6858000"/>
              <a:gd name="connsiteX243" fmla="*/ 2392451 w 6858000"/>
              <a:gd name="connsiteY243" fmla="*/ 5463776 h 6858000"/>
              <a:gd name="connsiteX244" fmla="*/ 2268950 w 6858000"/>
              <a:gd name="connsiteY244" fmla="*/ 5463776 h 6858000"/>
              <a:gd name="connsiteX245" fmla="*/ 2268950 w 6858000"/>
              <a:gd name="connsiteY245" fmla="*/ 5464220 h 6858000"/>
              <a:gd name="connsiteX246" fmla="*/ 2269394 w 6858000"/>
              <a:gd name="connsiteY246" fmla="*/ 5464220 h 6858000"/>
              <a:gd name="connsiteX247" fmla="*/ 2269394 w 6858000"/>
              <a:gd name="connsiteY247" fmla="*/ 5463776 h 6858000"/>
              <a:gd name="connsiteX248" fmla="*/ 2145893 w 6858000"/>
              <a:gd name="connsiteY248" fmla="*/ 5463776 h 6858000"/>
              <a:gd name="connsiteX249" fmla="*/ 2145893 w 6858000"/>
              <a:gd name="connsiteY249" fmla="*/ 5464220 h 6858000"/>
              <a:gd name="connsiteX250" fmla="*/ 2146337 w 6858000"/>
              <a:gd name="connsiteY250" fmla="*/ 5464220 h 6858000"/>
              <a:gd name="connsiteX251" fmla="*/ 2146337 w 6858000"/>
              <a:gd name="connsiteY251" fmla="*/ 5463776 h 6858000"/>
              <a:gd name="connsiteX252" fmla="*/ 2022835 w 6858000"/>
              <a:gd name="connsiteY252" fmla="*/ 5463776 h 6858000"/>
              <a:gd name="connsiteX253" fmla="*/ 2022835 w 6858000"/>
              <a:gd name="connsiteY253" fmla="*/ 5464220 h 6858000"/>
              <a:gd name="connsiteX254" fmla="*/ 2023279 w 6858000"/>
              <a:gd name="connsiteY254" fmla="*/ 5464220 h 6858000"/>
              <a:gd name="connsiteX255" fmla="*/ 2023279 w 6858000"/>
              <a:gd name="connsiteY255" fmla="*/ 5463776 h 6858000"/>
              <a:gd name="connsiteX256" fmla="*/ 1899741 w 6858000"/>
              <a:gd name="connsiteY256" fmla="*/ 5463776 h 6858000"/>
              <a:gd name="connsiteX257" fmla="*/ 1899741 w 6858000"/>
              <a:gd name="connsiteY257" fmla="*/ 5464220 h 6858000"/>
              <a:gd name="connsiteX258" fmla="*/ 1900185 w 6858000"/>
              <a:gd name="connsiteY258" fmla="*/ 5464220 h 6858000"/>
              <a:gd name="connsiteX259" fmla="*/ 1900185 w 6858000"/>
              <a:gd name="connsiteY259" fmla="*/ 5463776 h 6858000"/>
              <a:gd name="connsiteX260" fmla="*/ 1776684 w 6858000"/>
              <a:gd name="connsiteY260" fmla="*/ 5463776 h 6858000"/>
              <a:gd name="connsiteX261" fmla="*/ 1776684 w 6858000"/>
              <a:gd name="connsiteY261" fmla="*/ 5464220 h 6858000"/>
              <a:gd name="connsiteX262" fmla="*/ 1777128 w 6858000"/>
              <a:gd name="connsiteY262" fmla="*/ 5464220 h 6858000"/>
              <a:gd name="connsiteX263" fmla="*/ 1777128 w 6858000"/>
              <a:gd name="connsiteY263" fmla="*/ 5463776 h 6858000"/>
              <a:gd name="connsiteX264" fmla="*/ 1653626 w 6858000"/>
              <a:gd name="connsiteY264" fmla="*/ 5463776 h 6858000"/>
              <a:gd name="connsiteX265" fmla="*/ 1653626 w 6858000"/>
              <a:gd name="connsiteY265" fmla="*/ 5464220 h 6858000"/>
              <a:gd name="connsiteX266" fmla="*/ 1654070 w 6858000"/>
              <a:gd name="connsiteY266" fmla="*/ 5464220 h 6858000"/>
              <a:gd name="connsiteX267" fmla="*/ 1654070 w 6858000"/>
              <a:gd name="connsiteY267" fmla="*/ 5463776 h 6858000"/>
              <a:gd name="connsiteX268" fmla="*/ 1530569 w 6858000"/>
              <a:gd name="connsiteY268" fmla="*/ 5463776 h 6858000"/>
              <a:gd name="connsiteX269" fmla="*/ 1530569 w 6858000"/>
              <a:gd name="connsiteY269" fmla="*/ 5464220 h 6858000"/>
              <a:gd name="connsiteX270" fmla="*/ 1531013 w 6858000"/>
              <a:gd name="connsiteY270" fmla="*/ 5464220 h 6858000"/>
              <a:gd name="connsiteX271" fmla="*/ 1531013 w 6858000"/>
              <a:gd name="connsiteY271" fmla="*/ 5463776 h 6858000"/>
              <a:gd name="connsiteX272" fmla="*/ 1407512 w 6858000"/>
              <a:gd name="connsiteY272" fmla="*/ 5463776 h 6858000"/>
              <a:gd name="connsiteX273" fmla="*/ 1407512 w 6858000"/>
              <a:gd name="connsiteY273" fmla="*/ 5464220 h 6858000"/>
              <a:gd name="connsiteX274" fmla="*/ 1407956 w 6858000"/>
              <a:gd name="connsiteY274" fmla="*/ 5464220 h 6858000"/>
              <a:gd name="connsiteX275" fmla="*/ 1407956 w 6858000"/>
              <a:gd name="connsiteY275" fmla="*/ 5463776 h 6858000"/>
              <a:gd name="connsiteX276" fmla="*/ 1284454 w 6858000"/>
              <a:gd name="connsiteY276" fmla="*/ 5463776 h 6858000"/>
              <a:gd name="connsiteX277" fmla="*/ 1284454 w 6858000"/>
              <a:gd name="connsiteY277" fmla="*/ 5464220 h 6858000"/>
              <a:gd name="connsiteX278" fmla="*/ 1284898 w 6858000"/>
              <a:gd name="connsiteY278" fmla="*/ 5464220 h 6858000"/>
              <a:gd name="connsiteX279" fmla="*/ 1284898 w 6858000"/>
              <a:gd name="connsiteY279" fmla="*/ 5463776 h 6858000"/>
              <a:gd name="connsiteX280" fmla="*/ 1161397 w 6858000"/>
              <a:gd name="connsiteY280" fmla="*/ 5463776 h 6858000"/>
              <a:gd name="connsiteX281" fmla="*/ 1161397 w 6858000"/>
              <a:gd name="connsiteY281" fmla="*/ 5464220 h 6858000"/>
              <a:gd name="connsiteX282" fmla="*/ 1161841 w 6858000"/>
              <a:gd name="connsiteY282" fmla="*/ 5464220 h 6858000"/>
              <a:gd name="connsiteX283" fmla="*/ 1161841 w 6858000"/>
              <a:gd name="connsiteY283" fmla="*/ 5463776 h 6858000"/>
              <a:gd name="connsiteX284" fmla="*/ 1038340 w 6858000"/>
              <a:gd name="connsiteY284" fmla="*/ 5463776 h 6858000"/>
              <a:gd name="connsiteX285" fmla="*/ 1038340 w 6858000"/>
              <a:gd name="connsiteY285" fmla="*/ 5464220 h 6858000"/>
              <a:gd name="connsiteX286" fmla="*/ 1038784 w 6858000"/>
              <a:gd name="connsiteY286" fmla="*/ 5464220 h 6858000"/>
              <a:gd name="connsiteX287" fmla="*/ 1038784 w 6858000"/>
              <a:gd name="connsiteY287" fmla="*/ 5463776 h 6858000"/>
              <a:gd name="connsiteX288" fmla="*/ 915282 w 6858000"/>
              <a:gd name="connsiteY288" fmla="*/ 5463776 h 6858000"/>
              <a:gd name="connsiteX289" fmla="*/ 915282 w 6858000"/>
              <a:gd name="connsiteY289" fmla="*/ 5464220 h 6858000"/>
              <a:gd name="connsiteX290" fmla="*/ 915726 w 6858000"/>
              <a:gd name="connsiteY290" fmla="*/ 5464220 h 6858000"/>
              <a:gd name="connsiteX291" fmla="*/ 915726 w 6858000"/>
              <a:gd name="connsiteY291" fmla="*/ 5463776 h 6858000"/>
              <a:gd name="connsiteX292" fmla="*/ 792225 w 6858000"/>
              <a:gd name="connsiteY292" fmla="*/ 5463776 h 6858000"/>
              <a:gd name="connsiteX293" fmla="*/ 792225 w 6858000"/>
              <a:gd name="connsiteY293" fmla="*/ 5464220 h 6858000"/>
              <a:gd name="connsiteX294" fmla="*/ 792669 w 6858000"/>
              <a:gd name="connsiteY294" fmla="*/ 5464220 h 6858000"/>
              <a:gd name="connsiteX295" fmla="*/ 792669 w 6858000"/>
              <a:gd name="connsiteY295" fmla="*/ 5463776 h 6858000"/>
              <a:gd name="connsiteX296" fmla="*/ 53844 w 6858000"/>
              <a:gd name="connsiteY296" fmla="*/ 5463776 h 6858000"/>
              <a:gd name="connsiteX297" fmla="*/ 53844 w 6858000"/>
              <a:gd name="connsiteY297" fmla="*/ 5464220 h 6858000"/>
              <a:gd name="connsiteX298" fmla="*/ 54288 w 6858000"/>
              <a:gd name="connsiteY298" fmla="*/ 5464220 h 6858000"/>
              <a:gd name="connsiteX299" fmla="*/ 54288 w 6858000"/>
              <a:gd name="connsiteY299" fmla="*/ 5463776 h 6858000"/>
              <a:gd name="connsiteX300" fmla="*/ 3991789 w 6858000"/>
              <a:gd name="connsiteY300" fmla="*/ 5340718 h 6858000"/>
              <a:gd name="connsiteX301" fmla="*/ 3991789 w 6858000"/>
              <a:gd name="connsiteY301" fmla="*/ 5341162 h 6858000"/>
              <a:gd name="connsiteX302" fmla="*/ 3992234 w 6858000"/>
              <a:gd name="connsiteY302" fmla="*/ 5341162 h 6858000"/>
              <a:gd name="connsiteX303" fmla="*/ 3992234 w 6858000"/>
              <a:gd name="connsiteY303" fmla="*/ 5340718 h 6858000"/>
              <a:gd name="connsiteX304" fmla="*/ 3868732 w 6858000"/>
              <a:gd name="connsiteY304" fmla="*/ 5340718 h 6858000"/>
              <a:gd name="connsiteX305" fmla="*/ 3868732 w 6858000"/>
              <a:gd name="connsiteY305" fmla="*/ 5341162 h 6858000"/>
              <a:gd name="connsiteX306" fmla="*/ 3869176 w 6858000"/>
              <a:gd name="connsiteY306" fmla="*/ 5341162 h 6858000"/>
              <a:gd name="connsiteX307" fmla="*/ 3869176 w 6858000"/>
              <a:gd name="connsiteY307" fmla="*/ 5340718 h 6858000"/>
              <a:gd name="connsiteX308" fmla="*/ 3745675 w 6858000"/>
              <a:gd name="connsiteY308" fmla="*/ 5340718 h 6858000"/>
              <a:gd name="connsiteX309" fmla="*/ 3745675 w 6858000"/>
              <a:gd name="connsiteY309" fmla="*/ 5341162 h 6858000"/>
              <a:gd name="connsiteX310" fmla="*/ 3746119 w 6858000"/>
              <a:gd name="connsiteY310" fmla="*/ 5341162 h 6858000"/>
              <a:gd name="connsiteX311" fmla="*/ 3746119 w 6858000"/>
              <a:gd name="connsiteY311" fmla="*/ 5340718 h 6858000"/>
              <a:gd name="connsiteX312" fmla="*/ 3622617 w 6858000"/>
              <a:gd name="connsiteY312" fmla="*/ 5340718 h 6858000"/>
              <a:gd name="connsiteX313" fmla="*/ 3622617 w 6858000"/>
              <a:gd name="connsiteY313" fmla="*/ 5341162 h 6858000"/>
              <a:gd name="connsiteX314" fmla="*/ 3623061 w 6858000"/>
              <a:gd name="connsiteY314" fmla="*/ 5341162 h 6858000"/>
              <a:gd name="connsiteX315" fmla="*/ 3623061 w 6858000"/>
              <a:gd name="connsiteY315" fmla="*/ 5340718 h 6858000"/>
              <a:gd name="connsiteX316" fmla="*/ 3499523 w 6858000"/>
              <a:gd name="connsiteY316" fmla="*/ 5340718 h 6858000"/>
              <a:gd name="connsiteX317" fmla="*/ 3499523 w 6858000"/>
              <a:gd name="connsiteY317" fmla="*/ 5341162 h 6858000"/>
              <a:gd name="connsiteX318" fmla="*/ 3499967 w 6858000"/>
              <a:gd name="connsiteY318" fmla="*/ 5341162 h 6858000"/>
              <a:gd name="connsiteX319" fmla="*/ 3499967 w 6858000"/>
              <a:gd name="connsiteY319" fmla="*/ 5340718 h 6858000"/>
              <a:gd name="connsiteX320" fmla="*/ 3376466 w 6858000"/>
              <a:gd name="connsiteY320" fmla="*/ 5340718 h 6858000"/>
              <a:gd name="connsiteX321" fmla="*/ 3376466 w 6858000"/>
              <a:gd name="connsiteY321" fmla="*/ 5341162 h 6858000"/>
              <a:gd name="connsiteX322" fmla="*/ 3376910 w 6858000"/>
              <a:gd name="connsiteY322" fmla="*/ 5341162 h 6858000"/>
              <a:gd name="connsiteX323" fmla="*/ 3376910 w 6858000"/>
              <a:gd name="connsiteY323" fmla="*/ 5340718 h 6858000"/>
              <a:gd name="connsiteX324" fmla="*/ 3253408 w 6858000"/>
              <a:gd name="connsiteY324" fmla="*/ 5340718 h 6858000"/>
              <a:gd name="connsiteX325" fmla="*/ 3253408 w 6858000"/>
              <a:gd name="connsiteY325" fmla="*/ 5341162 h 6858000"/>
              <a:gd name="connsiteX326" fmla="*/ 3253852 w 6858000"/>
              <a:gd name="connsiteY326" fmla="*/ 5341162 h 6858000"/>
              <a:gd name="connsiteX327" fmla="*/ 3253852 w 6858000"/>
              <a:gd name="connsiteY327" fmla="*/ 5340718 h 6858000"/>
              <a:gd name="connsiteX328" fmla="*/ 3130351 w 6858000"/>
              <a:gd name="connsiteY328" fmla="*/ 5340718 h 6858000"/>
              <a:gd name="connsiteX329" fmla="*/ 3130351 w 6858000"/>
              <a:gd name="connsiteY329" fmla="*/ 5341162 h 6858000"/>
              <a:gd name="connsiteX330" fmla="*/ 3130795 w 6858000"/>
              <a:gd name="connsiteY330" fmla="*/ 5341162 h 6858000"/>
              <a:gd name="connsiteX331" fmla="*/ 3130795 w 6858000"/>
              <a:gd name="connsiteY331" fmla="*/ 5340718 h 6858000"/>
              <a:gd name="connsiteX332" fmla="*/ 3007294 w 6858000"/>
              <a:gd name="connsiteY332" fmla="*/ 5340718 h 6858000"/>
              <a:gd name="connsiteX333" fmla="*/ 3007294 w 6858000"/>
              <a:gd name="connsiteY333" fmla="*/ 5341162 h 6858000"/>
              <a:gd name="connsiteX334" fmla="*/ 3007738 w 6858000"/>
              <a:gd name="connsiteY334" fmla="*/ 5341162 h 6858000"/>
              <a:gd name="connsiteX335" fmla="*/ 3007738 w 6858000"/>
              <a:gd name="connsiteY335" fmla="*/ 5340718 h 6858000"/>
              <a:gd name="connsiteX336" fmla="*/ 2884237 w 6858000"/>
              <a:gd name="connsiteY336" fmla="*/ 5340718 h 6858000"/>
              <a:gd name="connsiteX337" fmla="*/ 2884237 w 6858000"/>
              <a:gd name="connsiteY337" fmla="*/ 5341162 h 6858000"/>
              <a:gd name="connsiteX338" fmla="*/ 2884681 w 6858000"/>
              <a:gd name="connsiteY338" fmla="*/ 5341162 h 6858000"/>
              <a:gd name="connsiteX339" fmla="*/ 2884681 w 6858000"/>
              <a:gd name="connsiteY339" fmla="*/ 5340718 h 6858000"/>
              <a:gd name="connsiteX340" fmla="*/ 2761179 w 6858000"/>
              <a:gd name="connsiteY340" fmla="*/ 5340718 h 6858000"/>
              <a:gd name="connsiteX341" fmla="*/ 2761179 w 6858000"/>
              <a:gd name="connsiteY341" fmla="*/ 5341162 h 6858000"/>
              <a:gd name="connsiteX342" fmla="*/ 2761623 w 6858000"/>
              <a:gd name="connsiteY342" fmla="*/ 5341162 h 6858000"/>
              <a:gd name="connsiteX343" fmla="*/ 2761623 w 6858000"/>
              <a:gd name="connsiteY343" fmla="*/ 5340718 h 6858000"/>
              <a:gd name="connsiteX344" fmla="*/ 2638122 w 6858000"/>
              <a:gd name="connsiteY344" fmla="*/ 5340718 h 6858000"/>
              <a:gd name="connsiteX345" fmla="*/ 2638122 w 6858000"/>
              <a:gd name="connsiteY345" fmla="*/ 5341162 h 6858000"/>
              <a:gd name="connsiteX346" fmla="*/ 2638566 w 6858000"/>
              <a:gd name="connsiteY346" fmla="*/ 5341162 h 6858000"/>
              <a:gd name="connsiteX347" fmla="*/ 2638566 w 6858000"/>
              <a:gd name="connsiteY347" fmla="*/ 5340718 h 6858000"/>
              <a:gd name="connsiteX348" fmla="*/ 2515065 w 6858000"/>
              <a:gd name="connsiteY348" fmla="*/ 5340718 h 6858000"/>
              <a:gd name="connsiteX349" fmla="*/ 2515065 w 6858000"/>
              <a:gd name="connsiteY349" fmla="*/ 5341162 h 6858000"/>
              <a:gd name="connsiteX350" fmla="*/ 2515509 w 6858000"/>
              <a:gd name="connsiteY350" fmla="*/ 5341162 h 6858000"/>
              <a:gd name="connsiteX351" fmla="*/ 2515509 w 6858000"/>
              <a:gd name="connsiteY351" fmla="*/ 5340718 h 6858000"/>
              <a:gd name="connsiteX352" fmla="*/ 2392007 w 6858000"/>
              <a:gd name="connsiteY352" fmla="*/ 5340718 h 6858000"/>
              <a:gd name="connsiteX353" fmla="*/ 2392007 w 6858000"/>
              <a:gd name="connsiteY353" fmla="*/ 5341162 h 6858000"/>
              <a:gd name="connsiteX354" fmla="*/ 2392451 w 6858000"/>
              <a:gd name="connsiteY354" fmla="*/ 5341162 h 6858000"/>
              <a:gd name="connsiteX355" fmla="*/ 2392451 w 6858000"/>
              <a:gd name="connsiteY355" fmla="*/ 5340718 h 6858000"/>
              <a:gd name="connsiteX356" fmla="*/ 1161397 w 6858000"/>
              <a:gd name="connsiteY356" fmla="*/ 5340718 h 6858000"/>
              <a:gd name="connsiteX357" fmla="*/ 1161397 w 6858000"/>
              <a:gd name="connsiteY357" fmla="*/ 5341162 h 6858000"/>
              <a:gd name="connsiteX358" fmla="*/ 1161841 w 6858000"/>
              <a:gd name="connsiteY358" fmla="*/ 5341162 h 6858000"/>
              <a:gd name="connsiteX359" fmla="*/ 1161841 w 6858000"/>
              <a:gd name="connsiteY359" fmla="*/ 5340718 h 6858000"/>
              <a:gd name="connsiteX360" fmla="*/ 1038340 w 6858000"/>
              <a:gd name="connsiteY360" fmla="*/ 5340718 h 6858000"/>
              <a:gd name="connsiteX361" fmla="*/ 1038340 w 6858000"/>
              <a:gd name="connsiteY361" fmla="*/ 5341162 h 6858000"/>
              <a:gd name="connsiteX362" fmla="*/ 1038784 w 6858000"/>
              <a:gd name="connsiteY362" fmla="*/ 5341162 h 6858000"/>
              <a:gd name="connsiteX363" fmla="*/ 1038784 w 6858000"/>
              <a:gd name="connsiteY363" fmla="*/ 5340718 h 6858000"/>
              <a:gd name="connsiteX364" fmla="*/ 915282 w 6858000"/>
              <a:gd name="connsiteY364" fmla="*/ 5340718 h 6858000"/>
              <a:gd name="connsiteX365" fmla="*/ 915282 w 6858000"/>
              <a:gd name="connsiteY365" fmla="*/ 5341162 h 6858000"/>
              <a:gd name="connsiteX366" fmla="*/ 915726 w 6858000"/>
              <a:gd name="connsiteY366" fmla="*/ 5341162 h 6858000"/>
              <a:gd name="connsiteX367" fmla="*/ 915726 w 6858000"/>
              <a:gd name="connsiteY367" fmla="*/ 5340718 h 6858000"/>
              <a:gd name="connsiteX368" fmla="*/ 792225 w 6858000"/>
              <a:gd name="connsiteY368" fmla="*/ 5340718 h 6858000"/>
              <a:gd name="connsiteX369" fmla="*/ 792225 w 6858000"/>
              <a:gd name="connsiteY369" fmla="*/ 5341162 h 6858000"/>
              <a:gd name="connsiteX370" fmla="*/ 792669 w 6858000"/>
              <a:gd name="connsiteY370" fmla="*/ 5341162 h 6858000"/>
              <a:gd name="connsiteX371" fmla="*/ 792669 w 6858000"/>
              <a:gd name="connsiteY371" fmla="*/ 5340718 h 6858000"/>
              <a:gd name="connsiteX372" fmla="*/ 299959 w 6858000"/>
              <a:gd name="connsiteY372" fmla="*/ 5340718 h 6858000"/>
              <a:gd name="connsiteX373" fmla="*/ 299959 w 6858000"/>
              <a:gd name="connsiteY373" fmla="*/ 5341162 h 6858000"/>
              <a:gd name="connsiteX374" fmla="*/ 300403 w 6858000"/>
              <a:gd name="connsiteY374" fmla="*/ 5341162 h 6858000"/>
              <a:gd name="connsiteX375" fmla="*/ 300403 w 6858000"/>
              <a:gd name="connsiteY375" fmla="*/ 5340718 h 6858000"/>
              <a:gd name="connsiteX376" fmla="*/ 176901 w 6858000"/>
              <a:gd name="connsiteY376" fmla="*/ 5340718 h 6858000"/>
              <a:gd name="connsiteX377" fmla="*/ 176901 w 6858000"/>
              <a:gd name="connsiteY377" fmla="*/ 5341162 h 6858000"/>
              <a:gd name="connsiteX378" fmla="*/ 177345 w 6858000"/>
              <a:gd name="connsiteY378" fmla="*/ 5341162 h 6858000"/>
              <a:gd name="connsiteX379" fmla="*/ 177345 w 6858000"/>
              <a:gd name="connsiteY379" fmla="*/ 5340718 h 6858000"/>
              <a:gd name="connsiteX380" fmla="*/ 53844 w 6858000"/>
              <a:gd name="connsiteY380" fmla="*/ 5340718 h 6858000"/>
              <a:gd name="connsiteX381" fmla="*/ 53844 w 6858000"/>
              <a:gd name="connsiteY381" fmla="*/ 5341162 h 6858000"/>
              <a:gd name="connsiteX382" fmla="*/ 54288 w 6858000"/>
              <a:gd name="connsiteY382" fmla="*/ 5341162 h 6858000"/>
              <a:gd name="connsiteX383" fmla="*/ 54288 w 6858000"/>
              <a:gd name="connsiteY383" fmla="*/ 5340718 h 6858000"/>
              <a:gd name="connsiteX384" fmla="*/ 2268728 w 6858000"/>
              <a:gd name="connsiteY384" fmla="*/ 5340533 h 6858000"/>
              <a:gd name="connsiteX385" fmla="*/ 2268728 w 6858000"/>
              <a:gd name="connsiteY385" fmla="*/ 5341385 h 6858000"/>
              <a:gd name="connsiteX386" fmla="*/ 2269580 w 6858000"/>
              <a:gd name="connsiteY386" fmla="*/ 5341385 h 6858000"/>
              <a:gd name="connsiteX387" fmla="*/ 2269580 w 6858000"/>
              <a:gd name="connsiteY387" fmla="*/ 5340533 h 6858000"/>
              <a:gd name="connsiteX388" fmla="*/ 2145670 w 6858000"/>
              <a:gd name="connsiteY388" fmla="*/ 5340533 h 6858000"/>
              <a:gd name="connsiteX389" fmla="*/ 2145670 w 6858000"/>
              <a:gd name="connsiteY389" fmla="*/ 5341385 h 6858000"/>
              <a:gd name="connsiteX390" fmla="*/ 2146522 w 6858000"/>
              <a:gd name="connsiteY390" fmla="*/ 5341385 h 6858000"/>
              <a:gd name="connsiteX391" fmla="*/ 2146522 w 6858000"/>
              <a:gd name="connsiteY391" fmla="*/ 5340533 h 6858000"/>
              <a:gd name="connsiteX392" fmla="*/ 2022613 w 6858000"/>
              <a:gd name="connsiteY392" fmla="*/ 5340533 h 6858000"/>
              <a:gd name="connsiteX393" fmla="*/ 2022613 w 6858000"/>
              <a:gd name="connsiteY393" fmla="*/ 5341385 h 6858000"/>
              <a:gd name="connsiteX394" fmla="*/ 2023465 w 6858000"/>
              <a:gd name="connsiteY394" fmla="*/ 5341385 h 6858000"/>
              <a:gd name="connsiteX395" fmla="*/ 2023465 w 6858000"/>
              <a:gd name="connsiteY395" fmla="*/ 5340533 h 6858000"/>
              <a:gd name="connsiteX396" fmla="*/ 1899556 w 6858000"/>
              <a:gd name="connsiteY396" fmla="*/ 5340533 h 6858000"/>
              <a:gd name="connsiteX397" fmla="*/ 1899556 w 6858000"/>
              <a:gd name="connsiteY397" fmla="*/ 5341385 h 6858000"/>
              <a:gd name="connsiteX398" fmla="*/ 1900408 w 6858000"/>
              <a:gd name="connsiteY398" fmla="*/ 5341385 h 6858000"/>
              <a:gd name="connsiteX399" fmla="*/ 1900408 w 6858000"/>
              <a:gd name="connsiteY399" fmla="*/ 5340533 h 6858000"/>
              <a:gd name="connsiteX400" fmla="*/ 1776498 w 6858000"/>
              <a:gd name="connsiteY400" fmla="*/ 5340533 h 6858000"/>
              <a:gd name="connsiteX401" fmla="*/ 1776498 w 6858000"/>
              <a:gd name="connsiteY401" fmla="*/ 5341385 h 6858000"/>
              <a:gd name="connsiteX402" fmla="*/ 1777350 w 6858000"/>
              <a:gd name="connsiteY402" fmla="*/ 5341385 h 6858000"/>
              <a:gd name="connsiteX403" fmla="*/ 1777350 w 6858000"/>
              <a:gd name="connsiteY403" fmla="*/ 5340533 h 6858000"/>
              <a:gd name="connsiteX404" fmla="*/ 1653404 w 6858000"/>
              <a:gd name="connsiteY404" fmla="*/ 5340533 h 6858000"/>
              <a:gd name="connsiteX405" fmla="*/ 1653404 w 6858000"/>
              <a:gd name="connsiteY405" fmla="*/ 5341385 h 6858000"/>
              <a:gd name="connsiteX406" fmla="*/ 1654256 w 6858000"/>
              <a:gd name="connsiteY406" fmla="*/ 5341385 h 6858000"/>
              <a:gd name="connsiteX407" fmla="*/ 1654256 w 6858000"/>
              <a:gd name="connsiteY407" fmla="*/ 5340533 h 6858000"/>
              <a:gd name="connsiteX408" fmla="*/ 1530347 w 6858000"/>
              <a:gd name="connsiteY408" fmla="*/ 5340533 h 6858000"/>
              <a:gd name="connsiteX409" fmla="*/ 1530347 w 6858000"/>
              <a:gd name="connsiteY409" fmla="*/ 5341385 h 6858000"/>
              <a:gd name="connsiteX410" fmla="*/ 1531199 w 6858000"/>
              <a:gd name="connsiteY410" fmla="*/ 5341385 h 6858000"/>
              <a:gd name="connsiteX411" fmla="*/ 1531199 w 6858000"/>
              <a:gd name="connsiteY411" fmla="*/ 5340533 h 6858000"/>
              <a:gd name="connsiteX412" fmla="*/ 1407289 w 6858000"/>
              <a:gd name="connsiteY412" fmla="*/ 5340533 h 6858000"/>
              <a:gd name="connsiteX413" fmla="*/ 1407289 w 6858000"/>
              <a:gd name="connsiteY413" fmla="*/ 5341385 h 6858000"/>
              <a:gd name="connsiteX414" fmla="*/ 1408141 w 6858000"/>
              <a:gd name="connsiteY414" fmla="*/ 5341385 h 6858000"/>
              <a:gd name="connsiteX415" fmla="*/ 1408141 w 6858000"/>
              <a:gd name="connsiteY415" fmla="*/ 5340533 h 6858000"/>
              <a:gd name="connsiteX416" fmla="*/ 1284232 w 6858000"/>
              <a:gd name="connsiteY416" fmla="*/ 5340533 h 6858000"/>
              <a:gd name="connsiteX417" fmla="*/ 1284232 w 6858000"/>
              <a:gd name="connsiteY417" fmla="*/ 5341385 h 6858000"/>
              <a:gd name="connsiteX418" fmla="*/ 1285084 w 6858000"/>
              <a:gd name="connsiteY418" fmla="*/ 5341385 h 6858000"/>
              <a:gd name="connsiteX419" fmla="*/ 1285084 w 6858000"/>
              <a:gd name="connsiteY419" fmla="*/ 5340533 h 6858000"/>
              <a:gd name="connsiteX420" fmla="*/ 3991789 w 6858000"/>
              <a:gd name="connsiteY420" fmla="*/ 5217661 h 6858000"/>
              <a:gd name="connsiteX421" fmla="*/ 3991789 w 6858000"/>
              <a:gd name="connsiteY421" fmla="*/ 5218105 h 6858000"/>
              <a:gd name="connsiteX422" fmla="*/ 3992234 w 6858000"/>
              <a:gd name="connsiteY422" fmla="*/ 5218105 h 6858000"/>
              <a:gd name="connsiteX423" fmla="*/ 3992234 w 6858000"/>
              <a:gd name="connsiteY423" fmla="*/ 5217661 h 6858000"/>
              <a:gd name="connsiteX424" fmla="*/ 3868732 w 6858000"/>
              <a:gd name="connsiteY424" fmla="*/ 5217661 h 6858000"/>
              <a:gd name="connsiteX425" fmla="*/ 3868732 w 6858000"/>
              <a:gd name="connsiteY425" fmla="*/ 5218105 h 6858000"/>
              <a:gd name="connsiteX426" fmla="*/ 3869176 w 6858000"/>
              <a:gd name="connsiteY426" fmla="*/ 5218105 h 6858000"/>
              <a:gd name="connsiteX427" fmla="*/ 3869176 w 6858000"/>
              <a:gd name="connsiteY427" fmla="*/ 5217661 h 6858000"/>
              <a:gd name="connsiteX428" fmla="*/ 3745675 w 6858000"/>
              <a:gd name="connsiteY428" fmla="*/ 5217661 h 6858000"/>
              <a:gd name="connsiteX429" fmla="*/ 3745675 w 6858000"/>
              <a:gd name="connsiteY429" fmla="*/ 5218105 h 6858000"/>
              <a:gd name="connsiteX430" fmla="*/ 3746119 w 6858000"/>
              <a:gd name="connsiteY430" fmla="*/ 5218105 h 6858000"/>
              <a:gd name="connsiteX431" fmla="*/ 3746119 w 6858000"/>
              <a:gd name="connsiteY431" fmla="*/ 5217661 h 6858000"/>
              <a:gd name="connsiteX432" fmla="*/ 3622617 w 6858000"/>
              <a:gd name="connsiteY432" fmla="*/ 5217661 h 6858000"/>
              <a:gd name="connsiteX433" fmla="*/ 3622617 w 6858000"/>
              <a:gd name="connsiteY433" fmla="*/ 5218105 h 6858000"/>
              <a:gd name="connsiteX434" fmla="*/ 3623061 w 6858000"/>
              <a:gd name="connsiteY434" fmla="*/ 5218105 h 6858000"/>
              <a:gd name="connsiteX435" fmla="*/ 3623061 w 6858000"/>
              <a:gd name="connsiteY435" fmla="*/ 5217661 h 6858000"/>
              <a:gd name="connsiteX436" fmla="*/ 3499523 w 6858000"/>
              <a:gd name="connsiteY436" fmla="*/ 5217661 h 6858000"/>
              <a:gd name="connsiteX437" fmla="*/ 3499523 w 6858000"/>
              <a:gd name="connsiteY437" fmla="*/ 5218105 h 6858000"/>
              <a:gd name="connsiteX438" fmla="*/ 3499967 w 6858000"/>
              <a:gd name="connsiteY438" fmla="*/ 5218105 h 6858000"/>
              <a:gd name="connsiteX439" fmla="*/ 3499967 w 6858000"/>
              <a:gd name="connsiteY439" fmla="*/ 5217661 h 6858000"/>
              <a:gd name="connsiteX440" fmla="*/ 3376466 w 6858000"/>
              <a:gd name="connsiteY440" fmla="*/ 5217661 h 6858000"/>
              <a:gd name="connsiteX441" fmla="*/ 3376466 w 6858000"/>
              <a:gd name="connsiteY441" fmla="*/ 5218105 h 6858000"/>
              <a:gd name="connsiteX442" fmla="*/ 3376910 w 6858000"/>
              <a:gd name="connsiteY442" fmla="*/ 5218105 h 6858000"/>
              <a:gd name="connsiteX443" fmla="*/ 3376910 w 6858000"/>
              <a:gd name="connsiteY443" fmla="*/ 5217661 h 6858000"/>
              <a:gd name="connsiteX444" fmla="*/ 3253408 w 6858000"/>
              <a:gd name="connsiteY444" fmla="*/ 5217661 h 6858000"/>
              <a:gd name="connsiteX445" fmla="*/ 3253408 w 6858000"/>
              <a:gd name="connsiteY445" fmla="*/ 5218105 h 6858000"/>
              <a:gd name="connsiteX446" fmla="*/ 3253852 w 6858000"/>
              <a:gd name="connsiteY446" fmla="*/ 5218105 h 6858000"/>
              <a:gd name="connsiteX447" fmla="*/ 3253852 w 6858000"/>
              <a:gd name="connsiteY447" fmla="*/ 5217661 h 6858000"/>
              <a:gd name="connsiteX448" fmla="*/ 3130351 w 6858000"/>
              <a:gd name="connsiteY448" fmla="*/ 5217661 h 6858000"/>
              <a:gd name="connsiteX449" fmla="*/ 3130351 w 6858000"/>
              <a:gd name="connsiteY449" fmla="*/ 5218105 h 6858000"/>
              <a:gd name="connsiteX450" fmla="*/ 3130795 w 6858000"/>
              <a:gd name="connsiteY450" fmla="*/ 5218105 h 6858000"/>
              <a:gd name="connsiteX451" fmla="*/ 3130795 w 6858000"/>
              <a:gd name="connsiteY451" fmla="*/ 5217661 h 6858000"/>
              <a:gd name="connsiteX452" fmla="*/ 3007294 w 6858000"/>
              <a:gd name="connsiteY452" fmla="*/ 5217661 h 6858000"/>
              <a:gd name="connsiteX453" fmla="*/ 3007294 w 6858000"/>
              <a:gd name="connsiteY453" fmla="*/ 5218105 h 6858000"/>
              <a:gd name="connsiteX454" fmla="*/ 3007738 w 6858000"/>
              <a:gd name="connsiteY454" fmla="*/ 5218105 h 6858000"/>
              <a:gd name="connsiteX455" fmla="*/ 3007738 w 6858000"/>
              <a:gd name="connsiteY455" fmla="*/ 5217661 h 6858000"/>
              <a:gd name="connsiteX456" fmla="*/ 2884237 w 6858000"/>
              <a:gd name="connsiteY456" fmla="*/ 5217661 h 6858000"/>
              <a:gd name="connsiteX457" fmla="*/ 2884237 w 6858000"/>
              <a:gd name="connsiteY457" fmla="*/ 5218105 h 6858000"/>
              <a:gd name="connsiteX458" fmla="*/ 2884681 w 6858000"/>
              <a:gd name="connsiteY458" fmla="*/ 5218105 h 6858000"/>
              <a:gd name="connsiteX459" fmla="*/ 2884681 w 6858000"/>
              <a:gd name="connsiteY459" fmla="*/ 5217661 h 6858000"/>
              <a:gd name="connsiteX460" fmla="*/ 2761179 w 6858000"/>
              <a:gd name="connsiteY460" fmla="*/ 5217661 h 6858000"/>
              <a:gd name="connsiteX461" fmla="*/ 2761179 w 6858000"/>
              <a:gd name="connsiteY461" fmla="*/ 5218105 h 6858000"/>
              <a:gd name="connsiteX462" fmla="*/ 2761623 w 6858000"/>
              <a:gd name="connsiteY462" fmla="*/ 5218105 h 6858000"/>
              <a:gd name="connsiteX463" fmla="*/ 2761623 w 6858000"/>
              <a:gd name="connsiteY463" fmla="*/ 5217661 h 6858000"/>
              <a:gd name="connsiteX464" fmla="*/ 792225 w 6858000"/>
              <a:gd name="connsiteY464" fmla="*/ 5217661 h 6858000"/>
              <a:gd name="connsiteX465" fmla="*/ 792225 w 6858000"/>
              <a:gd name="connsiteY465" fmla="*/ 5218105 h 6858000"/>
              <a:gd name="connsiteX466" fmla="*/ 792669 w 6858000"/>
              <a:gd name="connsiteY466" fmla="*/ 5218105 h 6858000"/>
              <a:gd name="connsiteX467" fmla="*/ 792669 w 6858000"/>
              <a:gd name="connsiteY467" fmla="*/ 5217661 h 6858000"/>
              <a:gd name="connsiteX468" fmla="*/ 669168 w 6858000"/>
              <a:gd name="connsiteY468" fmla="*/ 5217661 h 6858000"/>
              <a:gd name="connsiteX469" fmla="*/ 669168 w 6858000"/>
              <a:gd name="connsiteY469" fmla="*/ 5218105 h 6858000"/>
              <a:gd name="connsiteX470" fmla="*/ 669612 w 6858000"/>
              <a:gd name="connsiteY470" fmla="*/ 5218105 h 6858000"/>
              <a:gd name="connsiteX471" fmla="*/ 669612 w 6858000"/>
              <a:gd name="connsiteY471" fmla="*/ 5217661 h 6858000"/>
              <a:gd name="connsiteX472" fmla="*/ 423053 w 6858000"/>
              <a:gd name="connsiteY472" fmla="*/ 5217661 h 6858000"/>
              <a:gd name="connsiteX473" fmla="*/ 423053 w 6858000"/>
              <a:gd name="connsiteY473" fmla="*/ 5218105 h 6858000"/>
              <a:gd name="connsiteX474" fmla="*/ 423497 w 6858000"/>
              <a:gd name="connsiteY474" fmla="*/ 5218105 h 6858000"/>
              <a:gd name="connsiteX475" fmla="*/ 423497 w 6858000"/>
              <a:gd name="connsiteY475" fmla="*/ 5217661 h 6858000"/>
              <a:gd name="connsiteX476" fmla="*/ 299959 w 6858000"/>
              <a:gd name="connsiteY476" fmla="*/ 5217661 h 6858000"/>
              <a:gd name="connsiteX477" fmla="*/ 299959 w 6858000"/>
              <a:gd name="connsiteY477" fmla="*/ 5218105 h 6858000"/>
              <a:gd name="connsiteX478" fmla="*/ 300403 w 6858000"/>
              <a:gd name="connsiteY478" fmla="*/ 5218105 h 6858000"/>
              <a:gd name="connsiteX479" fmla="*/ 300403 w 6858000"/>
              <a:gd name="connsiteY479" fmla="*/ 5217661 h 6858000"/>
              <a:gd name="connsiteX480" fmla="*/ 176901 w 6858000"/>
              <a:gd name="connsiteY480" fmla="*/ 5217661 h 6858000"/>
              <a:gd name="connsiteX481" fmla="*/ 176901 w 6858000"/>
              <a:gd name="connsiteY481" fmla="*/ 5218105 h 6858000"/>
              <a:gd name="connsiteX482" fmla="*/ 177345 w 6858000"/>
              <a:gd name="connsiteY482" fmla="*/ 5218105 h 6858000"/>
              <a:gd name="connsiteX483" fmla="*/ 177345 w 6858000"/>
              <a:gd name="connsiteY483" fmla="*/ 5217661 h 6858000"/>
              <a:gd name="connsiteX484" fmla="*/ 53844 w 6858000"/>
              <a:gd name="connsiteY484" fmla="*/ 5217661 h 6858000"/>
              <a:gd name="connsiteX485" fmla="*/ 53844 w 6858000"/>
              <a:gd name="connsiteY485" fmla="*/ 5218105 h 6858000"/>
              <a:gd name="connsiteX486" fmla="*/ 54288 w 6858000"/>
              <a:gd name="connsiteY486" fmla="*/ 5218105 h 6858000"/>
              <a:gd name="connsiteX487" fmla="*/ 54288 w 6858000"/>
              <a:gd name="connsiteY487" fmla="*/ 5217661 h 6858000"/>
              <a:gd name="connsiteX488" fmla="*/ 2637900 w 6858000"/>
              <a:gd name="connsiteY488" fmla="*/ 5217475 h 6858000"/>
              <a:gd name="connsiteX489" fmla="*/ 2637900 w 6858000"/>
              <a:gd name="connsiteY489" fmla="*/ 5218327 h 6858000"/>
              <a:gd name="connsiteX490" fmla="*/ 2638752 w 6858000"/>
              <a:gd name="connsiteY490" fmla="*/ 5218327 h 6858000"/>
              <a:gd name="connsiteX491" fmla="*/ 2638752 w 6858000"/>
              <a:gd name="connsiteY491" fmla="*/ 5217475 h 6858000"/>
              <a:gd name="connsiteX492" fmla="*/ 2514842 w 6858000"/>
              <a:gd name="connsiteY492" fmla="*/ 5217475 h 6858000"/>
              <a:gd name="connsiteX493" fmla="*/ 2514842 w 6858000"/>
              <a:gd name="connsiteY493" fmla="*/ 5218327 h 6858000"/>
              <a:gd name="connsiteX494" fmla="*/ 2515694 w 6858000"/>
              <a:gd name="connsiteY494" fmla="*/ 5218327 h 6858000"/>
              <a:gd name="connsiteX495" fmla="*/ 2515694 w 6858000"/>
              <a:gd name="connsiteY495" fmla="*/ 5217475 h 6858000"/>
              <a:gd name="connsiteX496" fmla="*/ 2391785 w 6858000"/>
              <a:gd name="connsiteY496" fmla="*/ 5217475 h 6858000"/>
              <a:gd name="connsiteX497" fmla="*/ 2391785 w 6858000"/>
              <a:gd name="connsiteY497" fmla="*/ 5218327 h 6858000"/>
              <a:gd name="connsiteX498" fmla="*/ 2392637 w 6858000"/>
              <a:gd name="connsiteY498" fmla="*/ 5218327 h 6858000"/>
              <a:gd name="connsiteX499" fmla="*/ 2392637 w 6858000"/>
              <a:gd name="connsiteY499" fmla="*/ 5217475 h 6858000"/>
              <a:gd name="connsiteX500" fmla="*/ 2268728 w 6858000"/>
              <a:gd name="connsiteY500" fmla="*/ 5217475 h 6858000"/>
              <a:gd name="connsiteX501" fmla="*/ 2268728 w 6858000"/>
              <a:gd name="connsiteY501" fmla="*/ 5218327 h 6858000"/>
              <a:gd name="connsiteX502" fmla="*/ 2269580 w 6858000"/>
              <a:gd name="connsiteY502" fmla="*/ 5218327 h 6858000"/>
              <a:gd name="connsiteX503" fmla="*/ 2269580 w 6858000"/>
              <a:gd name="connsiteY503" fmla="*/ 5217475 h 6858000"/>
              <a:gd name="connsiteX504" fmla="*/ 2145670 w 6858000"/>
              <a:gd name="connsiteY504" fmla="*/ 5217475 h 6858000"/>
              <a:gd name="connsiteX505" fmla="*/ 2145670 w 6858000"/>
              <a:gd name="connsiteY505" fmla="*/ 5218327 h 6858000"/>
              <a:gd name="connsiteX506" fmla="*/ 2146522 w 6858000"/>
              <a:gd name="connsiteY506" fmla="*/ 5218327 h 6858000"/>
              <a:gd name="connsiteX507" fmla="*/ 2146522 w 6858000"/>
              <a:gd name="connsiteY507" fmla="*/ 5217475 h 6858000"/>
              <a:gd name="connsiteX508" fmla="*/ 1161175 w 6858000"/>
              <a:gd name="connsiteY508" fmla="*/ 5217475 h 6858000"/>
              <a:gd name="connsiteX509" fmla="*/ 1161175 w 6858000"/>
              <a:gd name="connsiteY509" fmla="*/ 5218327 h 6858000"/>
              <a:gd name="connsiteX510" fmla="*/ 1162027 w 6858000"/>
              <a:gd name="connsiteY510" fmla="*/ 5218327 h 6858000"/>
              <a:gd name="connsiteX511" fmla="*/ 1162027 w 6858000"/>
              <a:gd name="connsiteY511" fmla="*/ 5217475 h 6858000"/>
              <a:gd name="connsiteX512" fmla="*/ 1038117 w 6858000"/>
              <a:gd name="connsiteY512" fmla="*/ 5217475 h 6858000"/>
              <a:gd name="connsiteX513" fmla="*/ 1038117 w 6858000"/>
              <a:gd name="connsiteY513" fmla="*/ 5218327 h 6858000"/>
              <a:gd name="connsiteX514" fmla="*/ 1038969 w 6858000"/>
              <a:gd name="connsiteY514" fmla="*/ 5218327 h 6858000"/>
              <a:gd name="connsiteX515" fmla="*/ 1038969 w 6858000"/>
              <a:gd name="connsiteY515" fmla="*/ 5217475 h 6858000"/>
              <a:gd name="connsiteX516" fmla="*/ 915060 w 6858000"/>
              <a:gd name="connsiteY516" fmla="*/ 5217475 h 6858000"/>
              <a:gd name="connsiteX517" fmla="*/ 915060 w 6858000"/>
              <a:gd name="connsiteY517" fmla="*/ 5218327 h 6858000"/>
              <a:gd name="connsiteX518" fmla="*/ 915912 w 6858000"/>
              <a:gd name="connsiteY518" fmla="*/ 5218327 h 6858000"/>
              <a:gd name="connsiteX519" fmla="*/ 915912 w 6858000"/>
              <a:gd name="connsiteY519" fmla="*/ 5217475 h 6858000"/>
              <a:gd name="connsiteX520" fmla="*/ 2022391 w 6858000"/>
              <a:gd name="connsiteY520" fmla="*/ 5217216 h 6858000"/>
              <a:gd name="connsiteX521" fmla="*/ 2022391 w 6858000"/>
              <a:gd name="connsiteY521" fmla="*/ 5218512 h 6858000"/>
              <a:gd name="connsiteX522" fmla="*/ 2023687 w 6858000"/>
              <a:gd name="connsiteY522" fmla="*/ 5218512 h 6858000"/>
              <a:gd name="connsiteX523" fmla="*/ 2023687 w 6858000"/>
              <a:gd name="connsiteY523" fmla="*/ 5217216 h 6858000"/>
              <a:gd name="connsiteX524" fmla="*/ 1899334 w 6858000"/>
              <a:gd name="connsiteY524" fmla="*/ 5217216 h 6858000"/>
              <a:gd name="connsiteX525" fmla="*/ 1899334 w 6858000"/>
              <a:gd name="connsiteY525" fmla="*/ 5218512 h 6858000"/>
              <a:gd name="connsiteX526" fmla="*/ 1900630 w 6858000"/>
              <a:gd name="connsiteY526" fmla="*/ 5218512 h 6858000"/>
              <a:gd name="connsiteX527" fmla="*/ 1900630 w 6858000"/>
              <a:gd name="connsiteY527" fmla="*/ 5217216 h 6858000"/>
              <a:gd name="connsiteX528" fmla="*/ 1776276 w 6858000"/>
              <a:gd name="connsiteY528" fmla="*/ 5217216 h 6858000"/>
              <a:gd name="connsiteX529" fmla="*/ 1776276 w 6858000"/>
              <a:gd name="connsiteY529" fmla="*/ 5218512 h 6858000"/>
              <a:gd name="connsiteX530" fmla="*/ 1777572 w 6858000"/>
              <a:gd name="connsiteY530" fmla="*/ 5218512 h 6858000"/>
              <a:gd name="connsiteX531" fmla="*/ 1777572 w 6858000"/>
              <a:gd name="connsiteY531" fmla="*/ 5217216 h 6858000"/>
              <a:gd name="connsiteX532" fmla="*/ 1653219 w 6858000"/>
              <a:gd name="connsiteY532" fmla="*/ 5217216 h 6858000"/>
              <a:gd name="connsiteX533" fmla="*/ 1653219 w 6858000"/>
              <a:gd name="connsiteY533" fmla="*/ 5218512 h 6858000"/>
              <a:gd name="connsiteX534" fmla="*/ 1654515 w 6858000"/>
              <a:gd name="connsiteY534" fmla="*/ 5218512 h 6858000"/>
              <a:gd name="connsiteX535" fmla="*/ 1654515 w 6858000"/>
              <a:gd name="connsiteY535" fmla="*/ 5217216 h 6858000"/>
              <a:gd name="connsiteX536" fmla="*/ 1530162 w 6858000"/>
              <a:gd name="connsiteY536" fmla="*/ 5217216 h 6858000"/>
              <a:gd name="connsiteX537" fmla="*/ 1530162 w 6858000"/>
              <a:gd name="connsiteY537" fmla="*/ 5218512 h 6858000"/>
              <a:gd name="connsiteX538" fmla="*/ 1531458 w 6858000"/>
              <a:gd name="connsiteY538" fmla="*/ 5218512 h 6858000"/>
              <a:gd name="connsiteX539" fmla="*/ 1531458 w 6858000"/>
              <a:gd name="connsiteY539" fmla="*/ 5217216 h 6858000"/>
              <a:gd name="connsiteX540" fmla="*/ 1407067 w 6858000"/>
              <a:gd name="connsiteY540" fmla="*/ 5217216 h 6858000"/>
              <a:gd name="connsiteX541" fmla="*/ 1407067 w 6858000"/>
              <a:gd name="connsiteY541" fmla="*/ 5218512 h 6858000"/>
              <a:gd name="connsiteX542" fmla="*/ 1408363 w 6858000"/>
              <a:gd name="connsiteY542" fmla="*/ 5218512 h 6858000"/>
              <a:gd name="connsiteX543" fmla="*/ 1408363 w 6858000"/>
              <a:gd name="connsiteY543" fmla="*/ 5217216 h 6858000"/>
              <a:gd name="connsiteX544" fmla="*/ 1284010 w 6858000"/>
              <a:gd name="connsiteY544" fmla="*/ 5217216 h 6858000"/>
              <a:gd name="connsiteX545" fmla="*/ 1284010 w 6858000"/>
              <a:gd name="connsiteY545" fmla="*/ 5218512 h 6858000"/>
              <a:gd name="connsiteX546" fmla="*/ 1285306 w 6858000"/>
              <a:gd name="connsiteY546" fmla="*/ 5218512 h 6858000"/>
              <a:gd name="connsiteX547" fmla="*/ 1285306 w 6858000"/>
              <a:gd name="connsiteY547" fmla="*/ 5217216 h 6858000"/>
              <a:gd name="connsiteX548" fmla="*/ 4114847 w 6858000"/>
              <a:gd name="connsiteY548" fmla="*/ 5094604 h 6858000"/>
              <a:gd name="connsiteX549" fmla="*/ 4114847 w 6858000"/>
              <a:gd name="connsiteY549" fmla="*/ 5095048 h 6858000"/>
              <a:gd name="connsiteX550" fmla="*/ 4115291 w 6858000"/>
              <a:gd name="connsiteY550" fmla="*/ 5095048 h 6858000"/>
              <a:gd name="connsiteX551" fmla="*/ 4115291 w 6858000"/>
              <a:gd name="connsiteY551" fmla="*/ 5094604 h 6858000"/>
              <a:gd name="connsiteX552" fmla="*/ 3991789 w 6858000"/>
              <a:gd name="connsiteY552" fmla="*/ 5094604 h 6858000"/>
              <a:gd name="connsiteX553" fmla="*/ 3991789 w 6858000"/>
              <a:gd name="connsiteY553" fmla="*/ 5095048 h 6858000"/>
              <a:gd name="connsiteX554" fmla="*/ 3992234 w 6858000"/>
              <a:gd name="connsiteY554" fmla="*/ 5095048 h 6858000"/>
              <a:gd name="connsiteX555" fmla="*/ 3992234 w 6858000"/>
              <a:gd name="connsiteY555" fmla="*/ 5094604 h 6858000"/>
              <a:gd name="connsiteX556" fmla="*/ 3868732 w 6858000"/>
              <a:gd name="connsiteY556" fmla="*/ 5094604 h 6858000"/>
              <a:gd name="connsiteX557" fmla="*/ 3868732 w 6858000"/>
              <a:gd name="connsiteY557" fmla="*/ 5095048 h 6858000"/>
              <a:gd name="connsiteX558" fmla="*/ 3869176 w 6858000"/>
              <a:gd name="connsiteY558" fmla="*/ 5095048 h 6858000"/>
              <a:gd name="connsiteX559" fmla="*/ 3869176 w 6858000"/>
              <a:gd name="connsiteY559" fmla="*/ 5094604 h 6858000"/>
              <a:gd name="connsiteX560" fmla="*/ 3745675 w 6858000"/>
              <a:gd name="connsiteY560" fmla="*/ 5094604 h 6858000"/>
              <a:gd name="connsiteX561" fmla="*/ 3745675 w 6858000"/>
              <a:gd name="connsiteY561" fmla="*/ 5095048 h 6858000"/>
              <a:gd name="connsiteX562" fmla="*/ 3746119 w 6858000"/>
              <a:gd name="connsiteY562" fmla="*/ 5095048 h 6858000"/>
              <a:gd name="connsiteX563" fmla="*/ 3746119 w 6858000"/>
              <a:gd name="connsiteY563" fmla="*/ 5094604 h 6858000"/>
              <a:gd name="connsiteX564" fmla="*/ 3622617 w 6858000"/>
              <a:gd name="connsiteY564" fmla="*/ 5094604 h 6858000"/>
              <a:gd name="connsiteX565" fmla="*/ 3622617 w 6858000"/>
              <a:gd name="connsiteY565" fmla="*/ 5095048 h 6858000"/>
              <a:gd name="connsiteX566" fmla="*/ 3623061 w 6858000"/>
              <a:gd name="connsiteY566" fmla="*/ 5095048 h 6858000"/>
              <a:gd name="connsiteX567" fmla="*/ 3623061 w 6858000"/>
              <a:gd name="connsiteY567" fmla="*/ 5094604 h 6858000"/>
              <a:gd name="connsiteX568" fmla="*/ 3499523 w 6858000"/>
              <a:gd name="connsiteY568" fmla="*/ 5094604 h 6858000"/>
              <a:gd name="connsiteX569" fmla="*/ 3499523 w 6858000"/>
              <a:gd name="connsiteY569" fmla="*/ 5095048 h 6858000"/>
              <a:gd name="connsiteX570" fmla="*/ 3499967 w 6858000"/>
              <a:gd name="connsiteY570" fmla="*/ 5095048 h 6858000"/>
              <a:gd name="connsiteX571" fmla="*/ 3499967 w 6858000"/>
              <a:gd name="connsiteY571" fmla="*/ 5094604 h 6858000"/>
              <a:gd name="connsiteX572" fmla="*/ 3376466 w 6858000"/>
              <a:gd name="connsiteY572" fmla="*/ 5094604 h 6858000"/>
              <a:gd name="connsiteX573" fmla="*/ 3376466 w 6858000"/>
              <a:gd name="connsiteY573" fmla="*/ 5095048 h 6858000"/>
              <a:gd name="connsiteX574" fmla="*/ 3376910 w 6858000"/>
              <a:gd name="connsiteY574" fmla="*/ 5095048 h 6858000"/>
              <a:gd name="connsiteX575" fmla="*/ 3376910 w 6858000"/>
              <a:gd name="connsiteY575" fmla="*/ 5094604 h 6858000"/>
              <a:gd name="connsiteX576" fmla="*/ 3253408 w 6858000"/>
              <a:gd name="connsiteY576" fmla="*/ 5094604 h 6858000"/>
              <a:gd name="connsiteX577" fmla="*/ 3253408 w 6858000"/>
              <a:gd name="connsiteY577" fmla="*/ 5095048 h 6858000"/>
              <a:gd name="connsiteX578" fmla="*/ 3253852 w 6858000"/>
              <a:gd name="connsiteY578" fmla="*/ 5095048 h 6858000"/>
              <a:gd name="connsiteX579" fmla="*/ 3253852 w 6858000"/>
              <a:gd name="connsiteY579" fmla="*/ 5094604 h 6858000"/>
              <a:gd name="connsiteX580" fmla="*/ 3130351 w 6858000"/>
              <a:gd name="connsiteY580" fmla="*/ 5094604 h 6858000"/>
              <a:gd name="connsiteX581" fmla="*/ 3130351 w 6858000"/>
              <a:gd name="connsiteY581" fmla="*/ 5095048 h 6858000"/>
              <a:gd name="connsiteX582" fmla="*/ 3130795 w 6858000"/>
              <a:gd name="connsiteY582" fmla="*/ 5095048 h 6858000"/>
              <a:gd name="connsiteX583" fmla="*/ 3130795 w 6858000"/>
              <a:gd name="connsiteY583" fmla="*/ 5094604 h 6858000"/>
              <a:gd name="connsiteX584" fmla="*/ 3007294 w 6858000"/>
              <a:gd name="connsiteY584" fmla="*/ 5094604 h 6858000"/>
              <a:gd name="connsiteX585" fmla="*/ 3007294 w 6858000"/>
              <a:gd name="connsiteY585" fmla="*/ 5095048 h 6858000"/>
              <a:gd name="connsiteX586" fmla="*/ 3007738 w 6858000"/>
              <a:gd name="connsiteY586" fmla="*/ 5095048 h 6858000"/>
              <a:gd name="connsiteX587" fmla="*/ 3007738 w 6858000"/>
              <a:gd name="connsiteY587" fmla="*/ 5094604 h 6858000"/>
              <a:gd name="connsiteX588" fmla="*/ 669168 w 6858000"/>
              <a:gd name="connsiteY588" fmla="*/ 5094604 h 6858000"/>
              <a:gd name="connsiteX589" fmla="*/ 669168 w 6858000"/>
              <a:gd name="connsiteY589" fmla="*/ 5095048 h 6858000"/>
              <a:gd name="connsiteX590" fmla="*/ 669612 w 6858000"/>
              <a:gd name="connsiteY590" fmla="*/ 5095048 h 6858000"/>
              <a:gd name="connsiteX591" fmla="*/ 669612 w 6858000"/>
              <a:gd name="connsiteY591" fmla="*/ 5094604 h 6858000"/>
              <a:gd name="connsiteX592" fmla="*/ 546110 w 6858000"/>
              <a:gd name="connsiteY592" fmla="*/ 5094604 h 6858000"/>
              <a:gd name="connsiteX593" fmla="*/ 546110 w 6858000"/>
              <a:gd name="connsiteY593" fmla="*/ 5095048 h 6858000"/>
              <a:gd name="connsiteX594" fmla="*/ 546554 w 6858000"/>
              <a:gd name="connsiteY594" fmla="*/ 5095048 h 6858000"/>
              <a:gd name="connsiteX595" fmla="*/ 546554 w 6858000"/>
              <a:gd name="connsiteY595" fmla="*/ 5094604 h 6858000"/>
              <a:gd name="connsiteX596" fmla="*/ 423053 w 6858000"/>
              <a:gd name="connsiteY596" fmla="*/ 5094604 h 6858000"/>
              <a:gd name="connsiteX597" fmla="*/ 423053 w 6858000"/>
              <a:gd name="connsiteY597" fmla="*/ 5095048 h 6858000"/>
              <a:gd name="connsiteX598" fmla="*/ 423497 w 6858000"/>
              <a:gd name="connsiteY598" fmla="*/ 5095048 h 6858000"/>
              <a:gd name="connsiteX599" fmla="*/ 423497 w 6858000"/>
              <a:gd name="connsiteY599" fmla="*/ 5094604 h 6858000"/>
              <a:gd name="connsiteX600" fmla="*/ 2884014 w 6858000"/>
              <a:gd name="connsiteY600" fmla="*/ 5094381 h 6858000"/>
              <a:gd name="connsiteX601" fmla="*/ 2884014 w 6858000"/>
              <a:gd name="connsiteY601" fmla="*/ 5095233 h 6858000"/>
              <a:gd name="connsiteX602" fmla="*/ 2884866 w 6858000"/>
              <a:gd name="connsiteY602" fmla="*/ 5095233 h 6858000"/>
              <a:gd name="connsiteX603" fmla="*/ 2884866 w 6858000"/>
              <a:gd name="connsiteY603" fmla="*/ 5094381 h 6858000"/>
              <a:gd name="connsiteX604" fmla="*/ 2760957 w 6858000"/>
              <a:gd name="connsiteY604" fmla="*/ 5094381 h 6858000"/>
              <a:gd name="connsiteX605" fmla="*/ 2760957 w 6858000"/>
              <a:gd name="connsiteY605" fmla="*/ 5095233 h 6858000"/>
              <a:gd name="connsiteX606" fmla="*/ 2761809 w 6858000"/>
              <a:gd name="connsiteY606" fmla="*/ 5095233 h 6858000"/>
              <a:gd name="connsiteX607" fmla="*/ 2761809 w 6858000"/>
              <a:gd name="connsiteY607" fmla="*/ 5094381 h 6858000"/>
              <a:gd name="connsiteX608" fmla="*/ 2637900 w 6858000"/>
              <a:gd name="connsiteY608" fmla="*/ 5094381 h 6858000"/>
              <a:gd name="connsiteX609" fmla="*/ 2637900 w 6858000"/>
              <a:gd name="connsiteY609" fmla="*/ 5095233 h 6858000"/>
              <a:gd name="connsiteX610" fmla="*/ 2638752 w 6858000"/>
              <a:gd name="connsiteY610" fmla="*/ 5095233 h 6858000"/>
              <a:gd name="connsiteX611" fmla="*/ 2638752 w 6858000"/>
              <a:gd name="connsiteY611" fmla="*/ 5094381 h 6858000"/>
              <a:gd name="connsiteX612" fmla="*/ 792003 w 6858000"/>
              <a:gd name="connsiteY612" fmla="*/ 5094381 h 6858000"/>
              <a:gd name="connsiteX613" fmla="*/ 792003 w 6858000"/>
              <a:gd name="connsiteY613" fmla="*/ 5095233 h 6858000"/>
              <a:gd name="connsiteX614" fmla="*/ 792855 w 6858000"/>
              <a:gd name="connsiteY614" fmla="*/ 5095233 h 6858000"/>
              <a:gd name="connsiteX615" fmla="*/ 792855 w 6858000"/>
              <a:gd name="connsiteY615" fmla="*/ 5094381 h 6858000"/>
              <a:gd name="connsiteX616" fmla="*/ 299774 w 6858000"/>
              <a:gd name="connsiteY616" fmla="*/ 5094381 h 6858000"/>
              <a:gd name="connsiteX617" fmla="*/ 299774 w 6858000"/>
              <a:gd name="connsiteY617" fmla="*/ 5095233 h 6858000"/>
              <a:gd name="connsiteX618" fmla="*/ 300626 w 6858000"/>
              <a:gd name="connsiteY618" fmla="*/ 5095233 h 6858000"/>
              <a:gd name="connsiteX619" fmla="*/ 300626 w 6858000"/>
              <a:gd name="connsiteY619" fmla="*/ 5094381 h 6858000"/>
              <a:gd name="connsiteX620" fmla="*/ 176716 w 6858000"/>
              <a:gd name="connsiteY620" fmla="*/ 5094381 h 6858000"/>
              <a:gd name="connsiteX621" fmla="*/ 176716 w 6858000"/>
              <a:gd name="connsiteY621" fmla="*/ 5095233 h 6858000"/>
              <a:gd name="connsiteX622" fmla="*/ 177568 w 6858000"/>
              <a:gd name="connsiteY622" fmla="*/ 5095233 h 6858000"/>
              <a:gd name="connsiteX623" fmla="*/ 177568 w 6858000"/>
              <a:gd name="connsiteY623" fmla="*/ 5094381 h 6858000"/>
              <a:gd name="connsiteX624" fmla="*/ 53622 w 6858000"/>
              <a:gd name="connsiteY624" fmla="*/ 5094381 h 6858000"/>
              <a:gd name="connsiteX625" fmla="*/ 53622 w 6858000"/>
              <a:gd name="connsiteY625" fmla="*/ 5095233 h 6858000"/>
              <a:gd name="connsiteX626" fmla="*/ 54474 w 6858000"/>
              <a:gd name="connsiteY626" fmla="*/ 5095233 h 6858000"/>
              <a:gd name="connsiteX627" fmla="*/ 54474 w 6858000"/>
              <a:gd name="connsiteY627" fmla="*/ 5094381 h 6858000"/>
              <a:gd name="connsiteX628" fmla="*/ 2514620 w 6858000"/>
              <a:gd name="connsiteY628" fmla="*/ 5094159 h 6858000"/>
              <a:gd name="connsiteX629" fmla="*/ 2514620 w 6858000"/>
              <a:gd name="connsiteY629" fmla="*/ 5095455 h 6858000"/>
              <a:gd name="connsiteX630" fmla="*/ 2515916 w 6858000"/>
              <a:gd name="connsiteY630" fmla="*/ 5095455 h 6858000"/>
              <a:gd name="connsiteX631" fmla="*/ 2515916 w 6858000"/>
              <a:gd name="connsiteY631" fmla="*/ 5094159 h 6858000"/>
              <a:gd name="connsiteX632" fmla="*/ 2391563 w 6858000"/>
              <a:gd name="connsiteY632" fmla="*/ 5094159 h 6858000"/>
              <a:gd name="connsiteX633" fmla="*/ 2391563 w 6858000"/>
              <a:gd name="connsiteY633" fmla="*/ 5095455 h 6858000"/>
              <a:gd name="connsiteX634" fmla="*/ 2392859 w 6858000"/>
              <a:gd name="connsiteY634" fmla="*/ 5095455 h 6858000"/>
              <a:gd name="connsiteX635" fmla="*/ 2392859 w 6858000"/>
              <a:gd name="connsiteY635" fmla="*/ 5094159 h 6858000"/>
              <a:gd name="connsiteX636" fmla="*/ 2268506 w 6858000"/>
              <a:gd name="connsiteY636" fmla="*/ 5094159 h 6858000"/>
              <a:gd name="connsiteX637" fmla="*/ 2268506 w 6858000"/>
              <a:gd name="connsiteY637" fmla="*/ 5095455 h 6858000"/>
              <a:gd name="connsiteX638" fmla="*/ 2269802 w 6858000"/>
              <a:gd name="connsiteY638" fmla="*/ 5095455 h 6858000"/>
              <a:gd name="connsiteX639" fmla="*/ 2269802 w 6858000"/>
              <a:gd name="connsiteY639" fmla="*/ 5094159 h 6858000"/>
              <a:gd name="connsiteX640" fmla="*/ 1037895 w 6858000"/>
              <a:gd name="connsiteY640" fmla="*/ 5094159 h 6858000"/>
              <a:gd name="connsiteX641" fmla="*/ 1037895 w 6858000"/>
              <a:gd name="connsiteY641" fmla="*/ 5095455 h 6858000"/>
              <a:gd name="connsiteX642" fmla="*/ 1039191 w 6858000"/>
              <a:gd name="connsiteY642" fmla="*/ 5095455 h 6858000"/>
              <a:gd name="connsiteX643" fmla="*/ 1039191 w 6858000"/>
              <a:gd name="connsiteY643" fmla="*/ 5094159 h 6858000"/>
              <a:gd name="connsiteX644" fmla="*/ 914838 w 6858000"/>
              <a:gd name="connsiteY644" fmla="*/ 5094159 h 6858000"/>
              <a:gd name="connsiteX645" fmla="*/ 914838 w 6858000"/>
              <a:gd name="connsiteY645" fmla="*/ 5095455 h 6858000"/>
              <a:gd name="connsiteX646" fmla="*/ 916134 w 6858000"/>
              <a:gd name="connsiteY646" fmla="*/ 5095455 h 6858000"/>
              <a:gd name="connsiteX647" fmla="*/ 916134 w 6858000"/>
              <a:gd name="connsiteY647" fmla="*/ 5094159 h 6858000"/>
              <a:gd name="connsiteX648" fmla="*/ 2145226 w 6858000"/>
              <a:gd name="connsiteY648" fmla="*/ 5093937 h 6858000"/>
              <a:gd name="connsiteX649" fmla="*/ 2145226 w 6858000"/>
              <a:gd name="connsiteY649" fmla="*/ 5095677 h 6858000"/>
              <a:gd name="connsiteX650" fmla="*/ 2146966 w 6858000"/>
              <a:gd name="connsiteY650" fmla="*/ 5095677 h 6858000"/>
              <a:gd name="connsiteX651" fmla="*/ 2146966 w 6858000"/>
              <a:gd name="connsiteY651" fmla="*/ 5093937 h 6858000"/>
              <a:gd name="connsiteX652" fmla="*/ 2022169 w 6858000"/>
              <a:gd name="connsiteY652" fmla="*/ 5093937 h 6858000"/>
              <a:gd name="connsiteX653" fmla="*/ 2022169 w 6858000"/>
              <a:gd name="connsiteY653" fmla="*/ 5095677 h 6858000"/>
              <a:gd name="connsiteX654" fmla="*/ 2023909 w 6858000"/>
              <a:gd name="connsiteY654" fmla="*/ 5095677 h 6858000"/>
              <a:gd name="connsiteX655" fmla="*/ 2023909 w 6858000"/>
              <a:gd name="connsiteY655" fmla="*/ 5093937 h 6858000"/>
              <a:gd name="connsiteX656" fmla="*/ 1899111 w 6858000"/>
              <a:gd name="connsiteY656" fmla="*/ 5093937 h 6858000"/>
              <a:gd name="connsiteX657" fmla="*/ 1899111 w 6858000"/>
              <a:gd name="connsiteY657" fmla="*/ 5095677 h 6858000"/>
              <a:gd name="connsiteX658" fmla="*/ 1900851 w 6858000"/>
              <a:gd name="connsiteY658" fmla="*/ 5095677 h 6858000"/>
              <a:gd name="connsiteX659" fmla="*/ 1900851 w 6858000"/>
              <a:gd name="connsiteY659" fmla="*/ 5093937 h 6858000"/>
              <a:gd name="connsiteX660" fmla="*/ 1776054 w 6858000"/>
              <a:gd name="connsiteY660" fmla="*/ 5093937 h 6858000"/>
              <a:gd name="connsiteX661" fmla="*/ 1776054 w 6858000"/>
              <a:gd name="connsiteY661" fmla="*/ 5095677 h 6858000"/>
              <a:gd name="connsiteX662" fmla="*/ 1777795 w 6858000"/>
              <a:gd name="connsiteY662" fmla="*/ 5095677 h 6858000"/>
              <a:gd name="connsiteX663" fmla="*/ 1777795 w 6858000"/>
              <a:gd name="connsiteY663" fmla="*/ 5093937 h 6858000"/>
              <a:gd name="connsiteX664" fmla="*/ 1652997 w 6858000"/>
              <a:gd name="connsiteY664" fmla="*/ 5093937 h 6858000"/>
              <a:gd name="connsiteX665" fmla="*/ 1652997 w 6858000"/>
              <a:gd name="connsiteY665" fmla="*/ 5095677 h 6858000"/>
              <a:gd name="connsiteX666" fmla="*/ 1654737 w 6858000"/>
              <a:gd name="connsiteY666" fmla="*/ 5095677 h 6858000"/>
              <a:gd name="connsiteX667" fmla="*/ 1654737 w 6858000"/>
              <a:gd name="connsiteY667" fmla="*/ 5093937 h 6858000"/>
              <a:gd name="connsiteX668" fmla="*/ 1529939 w 6858000"/>
              <a:gd name="connsiteY668" fmla="*/ 5093937 h 6858000"/>
              <a:gd name="connsiteX669" fmla="*/ 1529939 w 6858000"/>
              <a:gd name="connsiteY669" fmla="*/ 5095677 h 6858000"/>
              <a:gd name="connsiteX670" fmla="*/ 1531680 w 6858000"/>
              <a:gd name="connsiteY670" fmla="*/ 5095677 h 6858000"/>
              <a:gd name="connsiteX671" fmla="*/ 1531680 w 6858000"/>
              <a:gd name="connsiteY671" fmla="*/ 5093937 h 6858000"/>
              <a:gd name="connsiteX672" fmla="*/ 1406882 w 6858000"/>
              <a:gd name="connsiteY672" fmla="*/ 5093937 h 6858000"/>
              <a:gd name="connsiteX673" fmla="*/ 1406882 w 6858000"/>
              <a:gd name="connsiteY673" fmla="*/ 5095677 h 6858000"/>
              <a:gd name="connsiteX674" fmla="*/ 1408623 w 6858000"/>
              <a:gd name="connsiteY674" fmla="*/ 5095677 h 6858000"/>
              <a:gd name="connsiteX675" fmla="*/ 1408623 w 6858000"/>
              <a:gd name="connsiteY675" fmla="*/ 5093937 h 6858000"/>
              <a:gd name="connsiteX676" fmla="*/ 1283825 w 6858000"/>
              <a:gd name="connsiteY676" fmla="*/ 5093937 h 6858000"/>
              <a:gd name="connsiteX677" fmla="*/ 1283825 w 6858000"/>
              <a:gd name="connsiteY677" fmla="*/ 5095677 h 6858000"/>
              <a:gd name="connsiteX678" fmla="*/ 1285565 w 6858000"/>
              <a:gd name="connsiteY678" fmla="*/ 5095677 h 6858000"/>
              <a:gd name="connsiteX679" fmla="*/ 1285565 w 6858000"/>
              <a:gd name="connsiteY679" fmla="*/ 5093937 h 6858000"/>
              <a:gd name="connsiteX680" fmla="*/ 1160730 w 6858000"/>
              <a:gd name="connsiteY680" fmla="*/ 5093937 h 6858000"/>
              <a:gd name="connsiteX681" fmla="*/ 1160730 w 6858000"/>
              <a:gd name="connsiteY681" fmla="*/ 5095677 h 6858000"/>
              <a:gd name="connsiteX682" fmla="*/ 1162471 w 6858000"/>
              <a:gd name="connsiteY682" fmla="*/ 5095677 h 6858000"/>
              <a:gd name="connsiteX683" fmla="*/ 1162471 w 6858000"/>
              <a:gd name="connsiteY683" fmla="*/ 5093937 h 6858000"/>
              <a:gd name="connsiteX684" fmla="*/ 4114847 w 6858000"/>
              <a:gd name="connsiteY684" fmla="*/ 4971546 h 6858000"/>
              <a:gd name="connsiteX685" fmla="*/ 4114847 w 6858000"/>
              <a:gd name="connsiteY685" fmla="*/ 4971990 h 6858000"/>
              <a:gd name="connsiteX686" fmla="*/ 4115291 w 6858000"/>
              <a:gd name="connsiteY686" fmla="*/ 4971990 h 6858000"/>
              <a:gd name="connsiteX687" fmla="*/ 4115291 w 6858000"/>
              <a:gd name="connsiteY687" fmla="*/ 4971546 h 6858000"/>
              <a:gd name="connsiteX688" fmla="*/ 3991789 w 6858000"/>
              <a:gd name="connsiteY688" fmla="*/ 4971546 h 6858000"/>
              <a:gd name="connsiteX689" fmla="*/ 3991789 w 6858000"/>
              <a:gd name="connsiteY689" fmla="*/ 4971990 h 6858000"/>
              <a:gd name="connsiteX690" fmla="*/ 3992234 w 6858000"/>
              <a:gd name="connsiteY690" fmla="*/ 4971990 h 6858000"/>
              <a:gd name="connsiteX691" fmla="*/ 3992234 w 6858000"/>
              <a:gd name="connsiteY691" fmla="*/ 4971546 h 6858000"/>
              <a:gd name="connsiteX692" fmla="*/ 3868732 w 6858000"/>
              <a:gd name="connsiteY692" fmla="*/ 4971546 h 6858000"/>
              <a:gd name="connsiteX693" fmla="*/ 3868732 w 6858000"/>
              <a:gd name="connsiteY693" fmla="*/ 4971990 h 6858000"/>
              <a:gd name="connsiteX694" fmla="*/ 3869176 w 6858000"/>
              <a:gd name="connsiteY694" fmla="*/ 4971990 h 6858000"/>
              <a:gd name="connsiteX695" fmla="*/ 3869176 w 6858000"/>
              <a:gd name="connsiteY695" fmla="*/ 4971546 h 6858000"/>
              <a:gd name="connsiteX696" fmla="*/ 3745675 w 6858000"/>
              <a:gd name="connsiteY696" fmla="*/ 4971546 h 6858000"/>
              <a:gd name="connsiteX697" fmla="*/ 3745675 w 6858000"/>
              <a:gd name="connsiteY697" fmla="*/ 4971990 h 6858000"/>
              <a:gd name="connsiteX698" fmla="*/ 3746119 w 6858000"/>
              <a:gd name="connsiteY698" fmla="*/ 4971990 h 6858000"/>
              <a:gd name="connsiteX699" fmla="*/ 3746119 w 6858000"/>
              <a:gd name="connsiteY699" fmla="*/ 4971546 h 6858000"/>
              <a:gd name="connsiteX700" fmla="*/ 3622617 w 6858000"/>
              <a:gd name="connsiteY700" fmla="*/ 4971546 h 6858000"/>
              <a:gd name="connsiteX701" fmla="*/ 3622617 w 6858000"/>
              <a:gd name="connsiteY701" fmla="*/ 4971990 h 6858000"/>
              <a:gd name="connsiteX702" fmla="*/ 3623061 w 6858000"/>
              <a:gd name="connsiteY702" fmla="*/ 4971990 h 6858000"/>
              <a:gd name="connsiteX703" fmla="*/ 3623061 w 6858000"/>
              <a:gd name="connsiteY703" fmla="*/ 4971546 h 6858000"/>
              <a:gd name="connsiteX704" fmla="*/ 3499523 w 6858000"/>
              <a:gd name="connsiteY704" fmla="*/ 4971546 h 6858000"/>
              <a:gd name="connsiteX705" fmla="*/ 3499523 w 6858000"/>
              <a:gd name="connsiteY705" fmla="*/ 4971990 h 6858000"/>
              <a:gd name="connsiteX706" fmla="*/ 3499967 w 6858000"/>
              <a:gd name="connsiteY706" fmla="*/ 4971990 h 6858000"/>
              <a:gd name="connsiteX707" fmla="*/ 3499967 w 6858000"/>
              <a:gd name="connsiteY707" fmla="*/ 4971546 h 6858000"/>
              <a:gd name="connsiteX708" fmla="*/ 3376466 w 6858000"/>
              <a:gd name="connsiteY708" fmla="*/ 4971546 h 6858000"/>
              <a:gd name="connsiteX709" fmla="*/ 3376466 w 6858000"/>
              <a:gd name="connsiteY709" fmla="*/ 4971990 h 6858000"/>
              <a:gd name="connsiteX710" fmla="*/ 3376910 w 6858000"/>
              <a:gd name="connsiteY710" fmla="*/ 4971990 h 6858000"/>
              <a:gd name="connsiteX711" fmla="*/ 3376910 w 6858000"/>
              <a:gd name="connsiteY711" fmla="*/ 4971546 h 6858000"/>
              <a:gd name="connsiteX712" fmla="*/ 3253408 w 6858000"/>
              <a:gd name="connsiteY712" fmla="*/ 4971546 h 6858000"/>
              <a:gd name="connsiteX713" fmla="*/ 3253408 w 6858000"/>
              <a:gd name="connsiteY713" fmla="*/ 4971990 h 6858000"/>
              <a:gd name="connsiteX714" fmla="*/ 3253852 w 6858000"/>
              <a:gd name="connsiteY714" fmla="*/ 4971990 h 6858000"/>
              <a:gd name="connsiteX715" fmla="*/ 3253852 w 6858000"/>
              <a:gd name="connsiteY715" fmla="*/ 4971546 h 6858000"/>
              <a:gd name="connsiteX716" fmla="*/ 3130129 w 6858000"/>
              <a:gd name="connsiteY716" fmla="*/ 4971324 h 6858000"/>
              <a:gd name="connsiteX717" fmla="*/ 3130129 w 6858000"/>
              <a:gd name="connsiteY717" fmla="*/ 4972176 h 6858000"/>
              <a:gd name="connsiteX718" fmla="*/ 3130981 w 6858000"/>
              <a:gd name="connsiteY718" fmla="*/ 4972176 h 6858000"/>
              <a:gd name="connsiteX719" fmla="*/ 3130981 w 6858000"/>
              <a:gd name="connsiteY719" fmla="*/ 4971324 h 6858000"/>
              <a:gd name="connsiteX720" fmla="*/ 3007072 w 6858000"/>
              <a:gd name="connsiteY720" fmla="*/ 4971324 h 6858000"/>
              <a:gd name="connsiteX721" fmla="*/ 3007072 w 6858000"/>
              <a:gd name="connsiteY721" fmla="*/ 4972176 h 6858000"/>
              <a:gd name="connsiteX722" fmla="*/ 3007924 w 6858000"/>
              <a:gd name="connsiteY722" fmla="*/ 4972176 h 6858000"/>
              <a:gd name="connsiteX723" fmla="*/ 3007924 w 6858000"/>
              <a:gd name="connsiteY723" fmla="*/ 4971324 h 6858000"/>
              <a:gd name="connsiteX724" fmla="*/ 2884014 w 6858000"/>
              <a:gd name="connsiteY724" fmla="*/ 4971324 h 6858000"/>
              <a:gd name="connsiteX725" fmla="*/ 2884014 w 6858000"/>
              <a:gd name="connsiteY725" fmla="*/ 4972176 h 6858000"/>
              <a:gd name="connsiteX726" fmla="*/ 2884866 w 6858000"/>
              <a:gd name="connsiteY726" fmla="*/ 4972176 h 6858000"/>
              <a:gd name="connsiteX727" fmla="*/ 2884866 w 6858000"/>
              <a:gd name="connsiteY727" fmla="*/ 4971324 h 6858000"/>
              <a:gd name="connsiteX728" fmla="*/ 2760957 w 6858000"/>
              <a:gd name="connsiteY728" fmla="*/ 4971324 h 6858000"/>
              <a:gd name="connsiteX729" fmla="*/ 2760957 w 6858000"/>
              <a:gd name="connsiteY729" fmla="*/ 4972176 h 6858000"/>
              <a:gd name="connsiteX730" fmla="*/ 2761809 w 6858000"/>
              <a:gd name="connsiteY730" fmla="*/ 4972176 h 6858000"/>
              <a:gd name="connsiteX731" fmla="*/ 2761809 w 6858000"/>
              <a:gd name="connsiteY731" fmla="*/ 4971324 h 6858000"/>
              <a:gd name="connsiteX732" fmla="*/ 545888 w 6858000"/>
              <a:gd name="connsiteY732" fmla="*/ 4971324 h 6858000"/>
              <a:gd name="connsiteX733" fmla="*/ 545888 w 6858000"/>
              <a:gd name="connsiteY733" fmla="*/ 4972176 h 6858000"/>
              <a:gd name="connsiteX734" fmla="*/ 546740 w 6858000"/>
              <a:gd name="connsiteY734" fmla="*/ 4972176 h 6858000"/>
              <a:gd name="connsiteX735" fmla="*/ 546740 w 6858000"/>
              <a:gd name="connsiteY735" fmla="*/ 4971324 h 6858000"/>
              <a:gd name="connsiteX736" fmla="*/ 2637677 w 6858000"/>
              <a:gd name="connsiteY736" fmla="*/ 4971102 h 6858000"/>
              <a:gd name="connsiteX737" fmla="*/ 2637677 w 6858000"/>
              <a:gd name="connsiteY737" fmla="*/ 4972398 h 6858000"/>
              <a:gd name="connsiteX738" fmla="*/ 2638973 w 6858000"/>
              <a:gd name="connsiteY738" fmla="*/ 4972398 h 6858000"/>
              <a:gd name="connsiteX739" fmla="*/ 2638973 w 6858000"/>
              <a:gd name="connsiteY739" fmla="*/ 4971102 h 6858000"/>
              <a:gd name="connsiteX740" fmla="*/ 2514620 w 6858000"/>
              <a:gd name="connsiteY740" fmla="*/ 4971102 h 6858000"/>
              <a:gd name="connsiteX741" fmla="*/ 2514620 w 6858000"/>
              <a:gd name="connsiteY741" fmla="*/ 4972398 h 6858000"/>
              <a:gd name="connsiteX742" fmla="*/ 2515916 w 6858000"/>
              <a:gd name="connsiteY742" fmla="*/ 4972398 h 6858000"/>
              <a:gd name="connsiteX743" fmla="*/ 2515916 w 6858000"/>
              <a:gd name="connsiteY743" fmla="*/ 4971102 h 6858000"/>
              <a:gd name="connsiteX744" fmla="*/ 668723 w 6858000"/>
              <a:gd name="connsiteY744" fmla="*/ 4971102 h 6858000"/>
              <a:gd name="connsiteX745" fmla="*/ 668723 w 6858000"/>
              <a:gd name="connsiteY745" fmla="*/ 4972398 h 6858000"/>
              <a:gd name="connsiteX746" fmla="*/ 670019 w 6858000"/>
              <a:gd name="connsiteY746" fmla="*/ 4972398 h 6858000"/>
              <a:gd name="connsiteX747" fmla="*/ 670019 w 6858000"/>
              <a:gd name="connsiteY747" fmla="*/ 4971102 h 6858000"/>
              <a:gd name="connsiteX748" fmla="*/ 422609 w 6858000"/>
              <a:gd name="connsiteY748" fmla="*/ 4971102 h 6858000"/>
              <a:gd name="connsiteX749" fmla="*/ 422609 w 6858000"/>
              <a:gd name="connsiteY749" fmla="*/ 4972398 h 6858000"/>
              <a:gd name="connsiteX750" fmla="*/ 423905 w 6858000"/>
              <a:gd name="connsiteY750" fmla="*/ 4972398 h 6858000"/>
              <a:gd name="connsiteX751" fmla="*/ 423905 w 6858000"/>
              <a:gd name="connsiteY751" fmla="*/ 4971102 h 6858000"/>
              <a:gd name="connsiteX752" fmla="*/ 2391341 w 6858000"/>
              <a:gd name="connsiteY752" fmla="*/ 4970879 h 6858000"/>
              <a:gd name="connsiteX753" fmla="*/ 2391341 w 6858000"/>
              <a:gd name="connsiteY753" fmla="*/ 4972620 h 6858000"/>
              <a:gd name="connsiteX754" fmla="*/ 2393081 w 6858000"/>
              <a:gd name="connsiteY754" fmla="*/ 4972620 h 6858000"/>
              <a:gd name="connsiteX755" fmla="*/ 2393081 w 6858000"/>
              <a:gd name="connsiteY755" fmla="*/ 4970879 h 6858000"/>
              <a:gd name="connsiteX756" fmla="*/ 2268283 w 6858000"/>
              <a:gd name="connsiteY756" fmla="*/ 4970879 h 6858000"/>
              <a:gd name="connsiteX757" fmla="*/ 2268283 w 6858000"/>
              <a:gd name="connsiteY757" fmla="*/ 4972620 h 6858000"/>
              <a:gd name="connsiteX758" fmla="*/ 2270023 w 6858000"/>
              <a:gd name="connsiteY758" fmla="*/ 4972620 h 6858000"/>
              <a:gd name="connsiteX759" fmla="*/ 2270023 w 6858000"/>
              <a:gd name="connsiteY759" fmla="*/ 4970879 h 6858000"/>
              <a:gd name="connsiteX760" fmla="*/ 791558 w 6858000"/>
              <a:gd name="connsiteY760" fmla="*/ 4970879 h 6858000"/>
              <a:gd name="connsiteX761" fmla="*/ 791558 w 6858000"/>
              <a:gd name="connsiteY761" fmla="*/ 4972620 h 6858000"/>
              <a:gd name="connsiteX762" fmla="*/ 793299 w 6858000"/>
              <a:gd name="connsiteY762" fmla="*/ 4972620 h 6858000"/>
              <a:gd name="connsiteX763" fmla="*/ 793299 w 6858000"/>
              <a:gd name="connsiteY763" fmla="*/ 4970879 h 6858000"/>
              <a:gd name="connsiteX764" fmla="*/ 299329 w 6858000"/>
              <a:gd name="connsiteY764" fmla="*/ 4970879 h 6858000"/>
              <a:gd name="connsiteX765" fmla="*/ 299329 w 6858000"/>
              <a:gd name="connsiteY765" fmla="*/ 4972620 h 6858000"/>
              <a:gd name="connsiteX766" fmla="*/ 301070 w 6858000"/>
              <a:gd name="connsiteY766" fmla="*/ 4972620 h 6858000"/>
              <a:gd name="connsiteX767" fmla="*/ 301070 w 6858000"/>
              <a:gd name="connsiteY767" fmla="*/ 4970879 h 6858000"/>
              <a:gd name="connsiteX768" fmla="*/ 176272 w 6858000"/>
              <a:gd name="connsiteY768" fmla="*/ 4970879 h 6858000"/>
              <a:gd name="connsiteX769" fmla="*/ 176272 w 6858000"/>
              <a:gd name="connsiteY769" fmla="*/ 4972620 h 6858000"/>
              <a:gd name="connsiteX770" fmla="*/ 178013 w 6858000"/>
              <a:gd name="connsiteY770" fmla="*/ 4972620 h 6858000"/>
              <a:gd name="connsiteX771" fmla="*/ 178013 w 6858000"/>
              <a:gd name="connsiteY771" fmla="*/ 4970879 h 6858000"/>
              <a:gd name="connsiteX772" fmla="*/ 2145004 w 6858000"/>
              <a:gd name="connsiteY772" fmla="*/ 4970657 h 6858000"/>
              <a:gd name="connsiteX773" fmla="*/ 2145004 w 6858000"/>
              <a:gd name="connsiteY773" fmla="*/ 4972842 h 6858000"/>
              <a:gd name="connsiteX774" fmla="*/ 2147189 w 6858000"/>
              <a:gd name="connsiteY774" fmla="*/ 4972842 h 6858000"/>
              <a:gd name="connsiteX775" fmla="*/ 2147189 w 6858000"/>
              <a:gd name="connsiteY775" fmla="*/ 4970657 h 6858000"/>
              <a:gd name="connsiteX776" fmla="*/ 2021946 w 6858000"/>
              <a:gd name="connsiteY776" fmla="*/ 4970657 h 6858000"/>
              <a:gd name="connsiteX777" fmla="*/ 2021946 w 6858000"/>
              <a:gd name="connsiteY777" fmla="*/ 4972842 h 6858000"/>
              <a:gd name="connsiteX778" fmla="*/ 2024131 w 6858000"/>
              <a:gd name="connsiteY778" fmla="*/ 4972842 h 6858000"/>
              <a:gd name="connsiteX779" fmla="*/ 2024131 w 6858000"/>
              <a:gd name="connsiteY779" fmla="*/ 4970657 h 6858000"/>
              <a:gd name="connsiteX780" fmla="*/ 1898889 w 6858000"/>
              <a:gd name="connsiteY780" fmla="*/ 4970657 h 6858000"/>
              <a:gd name="connsiteX781" fmla="*/ 1898889 w 6858000"/>
              <a:gd name="connsiteY781" fmla="*/ 4972842 h 6858000"/>
              <a:gd name="connsiteX782" fmla="*/ 1901074 w 6858000"/>
              <a:gd name="connsiteY782" fmla="*/ 4972842 h 6858000"/>
              <a:gd name="connsiteX783" fmla="*/ 1901074 w 6858000"/>
              <a:gd name="connsiteY783" fmla="*/ 4970657 h 6858000"/>
              <a:gd name="connsiteX784" fmla="*/ 1037451 w 6858000"/>
              <a:gd name="connsiteY784" fmla="*/ 4970657 h 6858000"/>
              <a:gd name="connsiteX785" fmla="*/ 1037451 w 6858000"/>
              <a:gd name="connsiteY785" fmla="*/ 4972842 h 6858000"/>
              <a:gd name="connsiteX786" fmla="*/ 1039636 w 6858000"/>
              <a:gd name="connsiteY786" fmla="*/ 4972842 h 6858000"/>
              <a:gd name="connsiteX787" fmla="*/ 1039636 w 6858000"/>
              <a:gd name="connsiteY787" fmla="*/ 4970657 h 6858000"/>
              <a:gd name="connsiteX788" fmla="*/ 914394 w 6858000"/>
              <a:gd name="connsiteY788" fmla="*/ 4970657 h 6858000"/>
              <a:gd name="connsiteX789" fmla="*/ 914394 w 6858000"/>
              <a:gd name="connsiteY789" fmla="*/ 4972842 h 6858000"/>
              <a:gd name="connsiteX790" fmla="*/ 916579 w 6858000"/>
              <a:gd name="connsiteY790" fmla="*/ 4972842 h 6858000"/>
              <a:gd name="connsiteX791" fmla="*/ 916579 w 6858000"/>
              <a:gd name="connsiteY791" fmla="*/ 4970657 h 6858000"/>
              <a:gd name="connsiteX792" fmla="*/ 52992 w 6858000"/>
              <a:gd name="connsiteY792" fmla="*/ 4970657 h 6858000"/>
              <a:gd name="connsiteX793" fmla="*/ 52992 w 6858000"/>
              <a:gd name="connsiteY793" fmla="*/ 4972842 h 6858000"/>
              <a:gd name="connsiteX794" fmla="*/ 55177 w 6858000"/>
              <a:gd name="connsiteY794" fmla="*/ 4972842 h 6858000"/>
              <a:gd name="connsiteX795" fmla="*/ 55177 w 6858000"/>
              <a:gd name="connsiteY795" fmla="*/ 4970657 h 6858000"/>
              <a:gd name="connsiteX796" fmla="*/ 1775610 w 6858000"/>
              <a:gd name="connsiteY796" fmla="*/ 4970472 h 6858000"/>
              <a:gd name="connsiteX797" fmla="*/ 1775610 w 6858000"/>
              <a:gd name="connsiteY797" fmla="*/ 4973064 h 6858000"/>
              <a:gd name="connsiteX798" fmla="*/ 1778202 w 6858000"/>
              <a:gd name="connsiteY798" fmla="*/ 4973064 h 6858000"/>
              <a:gd name="connsiteX799" fmla="*/ 1778202 w 6858000"/>
              <a:gd name="connsiteY799" fmla="*/ 4970472 h 6858000"/>
              <a:gd name="connsiteX800" fmla="*/ 1652552 w 6858000"/>
              <a:gd name="connsiteY800" fmla="*/ 4970472 h 6858000"/>
              <a:gd name="connsiteX801" fmla="*/ 1652552 w 6858000"/>
              <a:gd name="connsiteY801" fmla="*/ 4973064 h 6858000"/>
              <a:gd name="connsiteX802" fmla="*/ 1655144 w 6858000"/>
              <a:gd name="connsiteY802" fmla="*/ 4973064 h 6858000"/>
              <a:gd name="connsiteX803" fmla="*/ 1655144 w 6858000"/>
              <a:gd name="connsiteY803" fmla="*/ 4970472 h 6858000"/>
              <a:gd name="connsiteX804" fmla="*/ 1529495 w 6858000"/>
              <a:gd name="connsiteY804" fmla="*/ 4970472 h 6858000"/>
              <a:gd name="connsiteX805" fmla="*/ 1529495 w 6858000"/>
              <a:gd name="connsiteY805" fmla="*/ 4973064 h 6858000"/>
              <a:gd name="connsiteX806" fmla="*/ 1532087 w 6858000"/>
              <a:gd name="connsiteY806" fmla="*/ 4973064 h 6858000"/>
              <a:gd name="connsiteX807" fmla="*/ 1532087 w 6858000"/>
              <a:gd name="connsiteY807" fmla="*/ 4970472 h 6858000"/>
              <a:gd name="connsiteX808" fmla="*/ 1406438 w 6858000"/>
              <a:gd name="connsiteY808" fmla="*/ 4970472 h 6858000"/>
              <a:gd name="connsiteX809" fmla="*/ 1406438 w 6858000"/>
              <a:gd name="connsiteY809" fmla="*/ 4973064 h 6858000"/>
              <a:gd name="connsiteX810" fmla="*/ 1409030 w 6858000"/>
              <a:gd name="connsiteY810" fmla="*/ 4973064 h 6858000"/>
              <a:gd name="connsiteX811" fmla="*/ 1409030 w 6858000"/>
              <a:gd name="connsiteY811" fmla="*/ 4970472 h 6858000"/>
              <a:gd name="connsiteX812" fmla="*/ 1283380 w 6858000"/>
              <a:gd name="connsiteY812" fmla="*/ 4970472 h 6858000"/>
              <a:gd name="connsiteX813" fmla="*/ 1283380 w 6858000"/>
              <a:gd name="connsiteY813" fmla="*/ 4973064 h 6858000"/>
              <a:gd name="connsiteX814" fmla="*/ 1285972 w 6858000"/>
              <a:gd name="connsiteY814" fmla="*/ 4973064 h 6858000"/>
              <a:gd name="connsiteX815" fmla="*/ 1285972 w 6858000"/>
              <a:gd name="connsiteY815" fmla="*/ 4970472 h 6858000"/>
              <a:gd name="connsiteX816" fmla="*/ 1160323 w 6858000"/>
              <a:gd name="connsiteY816" fmla="*/ 4970472 h 6858000"/>
              <a:gd name="connsiteX817" fmla="*/ 1160323 w 6858000"/>
              <a:gd name="connsiteY817" fmla="*/ 4973064 h 6858000"/>
              <a:gd name="connsiteX818" fmla="*/ 1162915 w 6858000"/>
              <a:gd name="connsiteY818" fmla="*/ 4973064 h 6858000"/>
              <a:gd name="connsiteX819" fmla="*/ 1162915 w 6858000"/>
              <a:gd name="connsiteY819" fmla="*/ 4970472 h 6858000"/>
              <a:gd name="connsiteX820" fmla="*/ 4237904 w 6858000"/>
              <a:gd name="connsiteY820" fmla="*/ 4848452 h 6858000"/>
              <a:gd name="connsiteX821" fmla="*/ 4237904 w 6858000"/>
              <a:gd name="connsiteY821" fmla="*/ 4848896 h 6858000"/>
              <a:gd name="connsiteX822" fmla="*/ 4238348 w 6858000"/>
              <a:gd name="connsiteY822" fmla="*/ 4848896 h 6858000"/>
              <a:gd name="connsiteX823" fmla="*/ 4238348 w 6858000"/>
              <a:gd name="connsiteY823" fmla="*/ 4848452 h 6858000"/>
              <a:gd name="connsiteX824" fmla="*/ 4114847 w 6858000"/>
              <a:gd name="connsiteY824" fmla="*/ 4848452 h 6858000"/>
              <a:gd name="connsiteX825" fmla="*/ 4114847 w 6858000"/>
              <a:gd name="connsiteY825" fmla="*/ 4848896 h 6858000"/>
              <a:gd name="connsiteX826" fmla="*/ 4115291 w 6858000"/>
              <a:gd name="connsiteY826" fmla="*/ 4848896 h 6858000"/>
              <a:gd name="connsiteX827" fmla="*/ 4115291 w 6858000"/>
              <a:gd name="connsiteY827" fmla="*/ 4848452 h 6858000"/>
              <a:gd name="connsiteX828" fmla="*/ 3991789 w 6858000"/>
              <a:gd name="connsiteY828" fmla="*/ 4848452 h 6858000"/>
              <a:gd name="connsiteX829" fmla="*/ 3991789 w 6858000"/>
              <a:gd name="connsiteY829" fmla="*/ 4848896 h 6858000"/>
              <a:gd name="connsiteX830" fmla="*/ 3992234 w 6858000"/>
              <a:gd name="connsiteY830" fmla="*/ 4848896 h 6858000"/>
              <a:gd name="connsiteX831" fmla="*/ 3992234 w 6858000"/>
              <a:gd name="connsiteY831" fmla="*/ 4848452 h 6858000"/>
              <a:gd name="connsiteX832" fmla="*/ 3868732 w 6858000"/>
              <a:gd name="connsiteY832" fmla="*/ 4848452 h 6858000"/>
              <a:gd name="connsiteX833" fmla="*/ 3868732 w 6858000"/>
              <a:gd name="connsiteY833" fmla="*/ 4848896 h 6858000"/>
              <a:gd name="connsiteX834" fmla="*/ 3869176 w 6858000"/>
              <a:gd name="connsiteY834" fmla="*/ 4848896 h 6858000"/>
              <a:gd name="connsiteX835" fmla="*/ 3869176 w 6858000"/>
              <a:gd name="connsiteY835" fmla="*/ 4848452 h 6858000"/>
              <a:gd name="connsiteX836" fmla="*/ 3745675 w 6858000"/>
              <a:gd name="connsiteY836" fmla="*/ 4848452 h 6858000"/>
              <a:gd name="connsiteX837" fmla="*/ 3745675 w 6858000"/>
              <a:gd name="connsiteY837" fmla="*/ 4848896 h 6858000"/>
              <a:gd name="connsiteX838" fmla="*/ 3746119 w 6858000"/>
              <a:gd name="connsiteY838" fmla="*/ 4848896 h 6858000"/>
              <a:gd name="connsiteX839" fmla="*/ 3746119 w 6858000"/>
              <a:gd name="connsiteY839" fmla="*/ 4848452 h 6858000"/>
              <a:gd name="connsiteX840" fmla="*/ 3622617 w 6858000"/>
              <a:gd name="connsiteY840" fmla="*/ 4848452 h 6858000"/>
              <a:gd name="connsiteX841" fmla="*/ 3622617 w 6858000"/>
              <a:gd name="connsiteY841" fmla="*/ 4848896 h 6858000"/>
              <a:gd name="connsiteX842" fmla="*/ 3623061 w 6858000"/>
              <a:gd name="connsiteY842" fmla="*/ 4848896 h 6858000"/>
              <a:gd name="connsiteX843" fmla="*/ 3623061 w 6858000"/>
              <a:gd name="connsiteY843" fmla="*/ 4848452 h 6858000"/>
              <a:gd name="connsiteX844" fmla="*/ 3499523 w 6858000"/>
              <a:gd name="connsiteY844" fmla="*/ 4848452 h 6858000"/>
              <a:gd name="connsiteX845" fmla="*/ 3499523 w 6858000"/>
              <a:gd name="connsiteY845" fmla="*/ 4848896 h 6858000"/>
              <a:gd name="connsiteX846" fmla="*/ 3499967 w 6858000"/>
              <a:gd name="connsiteY846" fmla="*/ 4848896 h 6858000"/>
              <a:gd name="connsiteX847" fmla="*/ 3499967 w 6858000"/>
              <a:gd name="connsiteY847" fmla="*/ 4848452 h 6858000"/>
              <a:gd name="connsiteX848" fmla="*/ 3376466 w 6858000"/>
              <a:gd name="connsiteY848" fmla="*/ 4848452 h 6858000"/>
              <a:gd name="connsiteX849" fmla="*/ 3376466 w 6858000"/>
              <a:gd name="connsiteY849" fmla="*/ 4848896 h 6858000"/>
              <a:gd name="connsiteX850" fmla="*/ 3376910 w 6858000"/>
              <a:gd name="connsiteY850" fmla="*/ 4848896 h 6858000"/>
              <a:gd name="connsiteX851" fmla="*/ 3376910 w 6858000"/>
              <a:gd name="connsiteY851" fmla="*/ 4848452 h 6858000"/>
              <a:gd name="connsiteX852" fmla="*/ 3253186 w 6858000"/>
              <a:gd name="connsiteY852" fmla="*/ 4848266 h 6858000"/>
              <a:gd name="connsiteX853" fmla="*/ 3253186 w 6858000"/>
              <a:gd name="connsiteY853" fmla="*/ 4849118 h 6858000"/>
              <a:gd name="connsiteX854" fmla="*/ 3254038 w 6858000"/>
              <a:gd name="connsiteY854" fmla="*/ 4849118 h 6858000"/>
              <a:gd name="connsiteX855" fmla="*/ 3254038 w 6858000"/>
              <a:gd name="connsiteY855" fmla="*/ 4848266 h 6858000"/>
              <a:gd name="connsiteX856" fmla="*/ 3130129 w 6858000"/>
              <a:gd name="connsiteY856" fmla="*/ 4848266 h 6858000"/>
              <a:gd name="connsiteX857" fmla="*/ 3130129 w 6858000"/>
              <a:gd name="connsiteY857" fmla="*/ 4849118 h 6858000"/>
              <a:gd name="connsiteX858" fmla="*/ 3130981 w 6858000"/>
              <a:gd name="connsiteY858" fmla="*/ 4849118 h 6858000"/>
              <a:gd name="connsiteX859" fmla="*/ 3130981 w 6858000"/>
              <a:gd name="connsiteY859" fmla="*/ 4848266 h 6858000"/>
              <a:gd name="connsiteX860" fmla="*/ 3007072 w 6858000"/>
              <a:gd name="connsiteY860" fmla="*/ 4848266 h 6858000"/>
              <a:gd name="connsiteX861" fmla="*/ 3007072 w 6858000"/>
              <a:gd name="connsiteY861" fmla="*/ 4849118 h 6858000"/>
              <a:gd name="connsiteX862" fmla="*/ 3007924 w 6858000"/>
              <a:gd name="connsiteY862" fmla="*/ 4849118 h 6858000"/>
              <a:gd name="connsiteX863" fmla="*/ 3007924 w 6858000"/>
              <a:gd name="connsiteY863" fmla="*/ 4848266 h 6858000"/>
              <a:gd name="connsiteX864" fmla="*/ 2883792 w 6858000"/>
              <a:gd name="connsiteY864" fmla="*/ 4848044 h 6858000"/>
              <a:gd name="connsiteX865" fmla="*/ 2883792 w 6858000"/>
              <a:gd name="connsiteY865" fmla="*/ 4849340 h 6858000"/>
              <a:gd name="connsiteX866" fmla="*/ 2885088 w 6858000"/>
              <a:gd name="connsiteY866" fmla="*/ 4849340 h 6858000"/>
              <a:gd name="connsiteX867" fmla="*/ 2885088 w 6858000"/>
              <a:gd name="connsiteY867" fmla="*/ 4848044 h 6858000"/>
              <a:gd name="connsiteX868" fmla="*/ 2760735 w 6858000"/>
              <a:gd name="connsiteY868" fmla="*/ 4848044 h 6858000"/>
              <a:gd name="connsiteX869" fmla="*/ 2760735 w 6858000"/>
              <a:gd name="connsiteY869" fmla="*/ 4849340 h 6858000"/>
              <a:gd name="connsiteX870" fmla="*/ 2762031 w 6858000"/>
              <a:gd name="connsiteY870" fmla="*/ 4849340 h 6858000"/>
              <a:gd name="connsiteX871" fmla="*/ 2762031 w 6858000"/>
              <a:gd name="connsiteY871" fmla="*/ 4848044 h 6858000"/>
              <a:gd name="connsiteX872" fmla="*/ 2637455 w 6858000"/>
              <a:gd name="connsiteY872" fmla="*/ 4847822 h 6858000"/>
              <a:gd name="connsiteX873" fmla="*/ 2637455 w 6858000"/>
              <a:gd name="connsiteY873" fmla="*/ 4849563 h 6858000"/>
              <a:gd name="connsiteX874" fmla="*/ 2639195 w 6858000"/>
              <a:gd name="connsiteY874" fmla="*/ 4849563 h 6858000"/>
              <a:gd name="connsiteX875" fmla="*/ 2639195 w 6858000"/>
              <a:gd name="connsiteY875" fmla="*/ 4847822 h 6858000"/>
              <a:gd name="connsiteX876" fmla="*/ 2514398 w 6858000"/>
              <a:gd name="connsiteY876" fmla="*/ 4847822 h 6858000"/>
              <a:gd name="connsiteX877" fmla="*/ 2514398 w 6858000"/>
              <a:gd name="connsiteY877" fmla="*/ 4849563 h 6858000"/>
              <a:gd name="connsiteX878" fmla="*/ 2516138 w 6858000"/>
              <a:gd name="connsiteY878" fmla="*/ 4849563 h 6858000"/>
              <a:gd name="connsiteX879" fmla="*/ 2516138 w 6858000"/>
              <a:gd name="connsiteY879" fmla="*/ 4847822 h 6858000"/>
              <a:gd name="connsiteX880" fmla="*/ 2391118 w 6858000"/>
              <a:gd name="connsiteY880" fmla="*/ 4847600 h 6858000"/>
              <a:gd name="connsiteX881" fmla="*/ 2391118 w 6858000"/>
              <a:gd name="connsiteY881" fmla="*/ 4849785 h 6858000"/>
              <a:gd name="connsiteX882" fmla="*/ 2393303 w 6858000"/>
              <a:gd name="connsiteY882" fmla="*/ 4849785 h 6858000"/>
              <a:gd name="connsiteX883" fmla="*/ 2393303 w 6858000"/>
              <a:gd name="connsiteY883" fmla="*/ 4847600 h 6858000"/>
              <a:gd name="connsiteX884" fmla="*/ 2268061 w 6858000"/>
              <a:gd name="connsiteY884" fmla="*/ 4847600 h 6858000"/>
              <a:gd name="connsiteX885" fmla="*/ 2268061 w 6858000"/>
              <a:gd name="connsiteY885" fmla="*/ 4849785 h 6858000"/>
              <a:gd name="connsiteX886" fmla="*/ 2270246 w 6858000"/>
              <a:gd name="connsiteY886" fmla="*/ 4849785 h 6858000"/>
              <a:gd name="connsiteX887" fmla="*/ 2270246 w 6858000"/>
              <a:gd name="connsiteY887" fmla="*/ 4847600 h 6858000"/>
              <a:gd name="connsiteX888" fmla="*/ 2144782 w 6858000"/>
              <a:gd name="connsiteY888" fmla="*/ 4847415 h 6858000"/>
              <a:gd name="connsiteX889" fmla="*/ 2144782 w 6858000"/>
              <a:gd name="connsiteY889" fmla="*/ 4850007 h 6858000"/>
              <a:gd name="connsiteX890" fmla="*/ 2147374 w 6858000"/>
              <a:gd name="connsiteY890" fmla="*/ 4850007 h 6858000"/>
              <a:gd name="connsiteX891" fmla="*/ 2147374 w 6858000"/>
              <a:gd name="connsiteY891" fmla="*/ 4847415 h 6858000"/>
              <a:gd name="connsiteX892" fmla="*/ 668057 w 6858000"/>
              <a:gd name="connsiteY892" fmla="*/ 4847415 h 6858000"/>
              <a:gd name="connsiteX893" fmla="*/ 668057 w 6858000"/>
              <a:gd name="connsiteY893" fmla="*/ 4850007 h 6858000"/>
              <a:gd name="connsiteX894" fmla="*/ 670649 w 6858000"/>
              <a:gd name="connsiteY894" fmla="*/ 4850007 h 6858000"/>
              <a:gd name="connsiteX895" fmla="*/ 670649 w 6858000"/>
              <a:gd name="connsiteY895" fmla="*/ 4847415 h 6858000"/>
              <a:gd name="connsiteX896" fmla="*/ 544999 w 6858000"/>
              <a:gd name="connsiteY896" fmla="*/ 4847415 h 6858000"/>
              <a:gd name="connsiteX897" fmla="*/ 544999 w 6858000"/>
              <a:gd name="connsiteY897" fmla="*/ 4850007 h 6858000"/>
              <a:gd name="connsiteX898" fmla="*/ 547591 w 6858000"/>
              <a:gd name="connsiteY898" fmla="*/ 4850007 h 6858000"/>
              <a:gd name="connsiteX899" fmla="*/ 547591 w 6858000"/>
              <a:gd name="connsiteY899" fmla="*/ 4847415 h 6858000"/>
              <a:gd name="connsiteX900" fmla="*/ 2021502 w 6858000"/>
              <a:gd name="connsiteY900" fmla="*/ 4847192 h 6858000"/>
              <a:gd name="connsiteX901" fmla="*/ 2021502 w 6858000"/>
              <a:gd name="connsiteY901" fmla="*/ 4850229 h 6858000"/>
              <a:gd name="connsiteX902" fmla="*/ 2024539 w 6858000"/>
              <a:gd name="connsiteY902" fmla="*/ 4850229 h 6858000"/>
              <a:gd name="connsiteX903" fmla="*/ 2024539 w 6858000"/>
              <a:gd name="connsiteY903" fmla="*/ 4847192 h 6858000"/>
              <a:gd name="connsiteX904" fmla="*/ 1898445 w 6858000"/>
              <a:gd name="connsiteY904" fmla="*/ 4847192 h 6858000"/>
              <a:gd name="connsiteX905" fmla="*/ 1898445 w 6858000"/>
              <a:gd name="connsiteY905" fmla="*/ 4850229 h 6858000"/>
              <a:gd name="connsiteX906" fmla="*/ 1901482 w 6858000"/>
              <a:gd name="connsiteY906" fmla="*/ 4850229 h 6858000"/>
              <a:gd name="connsiteX907" fmla="*/ 1901482 w 6858000"/>
              <a:gd name="connsiteY907" fmla="*/ 4847192 h 6858000"/>
              <a:gd name="connsiteX908" fmla="*/ 790929 w 6858000"/>
              <a:gd name="connsiteY908" fmla="*/ 4847192 h 6858000"/>
              <a:gd name="connsiteX909" fmla="*/ 790929 w 6858000"/>
              <a:gd name="connsiteY909" fmla="*/ 4850229 h 6858000"/>
              <a:gd name="connsiteX910" fmla="*/ 793966 w 6858000"/>
              <a:gd name="connsiteY910" fmla="*/ 4850229 h 6858000"/>
              <a:gd name="connsiteX911" fmla="*/ 793966 w 6858000"/>
              <a:gd name="connsiteY911" fmla="*/ 4847192 h 6858000"/>
              <a:gd name="connsiteX912" fmla="*/ 421720 w 6858000"/>
              <a:gd name="connsiteY912" fmla="*/ 4847192 h 6858000"/>
              <a:gd name="connsiteX913" fmla="*/ 421720 w 6858000"/>
              <a:gd name="connsiteY913" fmla="*/ 4850229 h 6858000"/>
              <a:gd name="connsiteX914" fmla="*/ 424757 w 6858000"/>
              <a:gd name="connsiteY914" fmla="*/ 4850229 h 6858000"/>
              <a:gd name="connsiteX915" fmla="*/ 424757 w 6858000"/>
              <a:gd name="connsiteY915" fmla="*/ 4847192 h 6858000"/>
              <a:gd name="connsiteX916" fmla="*/ 298663 w 6858000"/>
              <a:gd name="connsiteY916" fmla="*/ 4847192 h 6858000"/>
              <a:gd name="connsiteX917" fmla="*/ 298663 w 6858000"/>
              <a:gd name="connsiteY917" fmla="*/ 4850229 h 6858000"/>
              <a:gd name="connsiteX918" fmla="*/ 301700 w 6858000"/>
              <a:gd name="connsiteY918" fmla="*/ 4850229 h 6858000"/>
              <a:gd name="connsiteX919" fmla="*/ 301700 w 6858000"/>
              <a:gd name="connsiteY919" fmla="*/ 4847192 h 6858000"/>
              <a:gd name="connsiteX920" fmla="*/ 1775165 w 6858000"/>
              <a:gd name="connsiteY920" fmla="*/ 4846970 h 6858000"/>
              <a:gd name="connsiteX921" fmla="*/ 1775165 w 6858000"/>
              <a:gd name="connsiteY921" fmla="*/ 4850451 h 6858000"/>
              <a:gd name="connsiteX922" fmla="*/ 1778646 w 6858000"/>
              <a:gd name="connsiteY922" fmla="*/ 4850451 h 6858000"/>
              <a:gd name="connsiteX923" fmla="*/ 1778646 w 6858000"/>
              <a:gd name="connsiteY923" fmla="*/ 4846970 h 6858000"/>
              <a:gd name="connsiteX924" fmla="*/ 1652108 w 6858000"/>
              <a:gd name="connsiteY924" fmla="*/ 4846970 h 6858000"/>
              <a:gd name="connsiteX925" fmla="*/ 1652108 w 6858000"/>
              <a:gd name="connsiteY925" fmla="*/ 4850451 h 6858000"/>
              <a:gd name="connsiteX926" fmla="*/ 1655589 w 6858000"/>
              <a:gd name="connsiteY926" fmla="*/ 4850451 h 6858000"/>
              <a:gd name="connsiteX927" fmla="*/ 1655589 w 6858000"/>
              <a:gd name="connsiteY927" fmla="*/ 4846970 h 6858000"/>
              <a:gd name="connsiteX928" fmla="*/ 1529051 w 6858000"/>
              <a:gd name="connsiteY928" fmla="*/ 4846970 h 6858000"/>
              <a:gd name="connsiteX929" fmla="*/ 1529051 w 6858000"/>
              <a:gd name="connsiteY929" fmla="*/ 4850451 h 6858000"/>
              <a:gd name="connsiteX930" fmla="*/ 1532532 w 6858000"/>
              <a:gd name="connsiteY930" fmla="*/ 4850451 h 6858000"/>
              <a:gd name="connsiteX931" fmla="*/ 1532532 w 6858000"/>
              <a:gd name="connsiteY931" fmla="*/ 4846970 h 6858000"/>
              <a:gd name="connsiteX932" fmla="*/ 1405993 w 6858000"/>
              <a:gd name="connsiteY932" fmla="*/ 4846970 h 6858000"/>
              <a:gd name="connsiteX933" fmla="*/ 1405993 w 6858000"/>
              <a:gd name="connsiteY933" fmla="*/ 4850451 h 6858000"/>
              <a:gd name="connsiteX934" fmla="*/ 1409474 w 6858000"/>
              <a:gd name="connsiteY934" fmla="*/ 4850451 h 6858000"/>
              <a:gd name="connsiteX935" fmla="*/ 1409474 w 6858000"/>
              <a:gd name="connsiteY935" fmla="*/ 4846970 h 6858000"/>
              <a:gd name="connsiteX936" fmla="*/ 1282936 w 6858000"/>
              <a:gd name="connsiteY936" fmla="*/ 4846970 h 6858000"/>
              <a:gd name="connsiteX937" fmla="*/ 1282936 w 6858000"/>
              <a:gd name="connsiteY937" fmla="*/ 4850451 h 6858000"/>
              <a:gd name="connsiteX938" fmla="*/ 1286417 w 6858000"/>
              <a:gd name="connsiteY938" fmla="*/ 4850451 h 6858000"/>
              <a:gd name="connsiteX939" fmla="*/ 1286417 w 6858000"/>
              <a:gd name="connsiteY939" fmla="*/ 4846970 h 6858000"/>
              <a:gd name="connsiteX940" fmla="*/ 1159879 w 6858000"/>
              <a:gd name="connsiteY940" fmla="*/ 4846970 h 6858000"/>
              <a:gd name="connsiteX941" fmla="*/ 1159879 w 6858000"/>
              <a:gd name="connsiteY941" fmla="*/ 4850451 h 6858000"/>
              <a:gd name="connsiteX942" fmla="*/ 1163360 w 6858000"/>
              <a:gd name="connsiteY942" fmla="*/ 4850451 h 6858000"/>
              <a:gd name="connsiteX943" fmla="*/ 1163360 w 6858000"/>
              <a:gd name="connsiteY943" fmla="*/ 4846970 h 6858000"/>
              <a:gd name="connsiteX944" fmla="*/ 1036821 w 6858000"/>
              <a:gd name="connsiteY944" fmla="*/ 4846970 h 6858000"/>
              <a:gd name="connsiteX945" fmla="*/ 1036821 w 6858000"/>
              <a:gd name="connsiteY945" fmla="*/ 4850451 h 6858000"/>
              <a:gd name="connsiteX946" fmla="*/ 1040302 w 6858000"/>
              <a:gd name="connsiteY946" fmla="*/ 4850451 h 6858000"/>
              <a:gd name="connsiteX947" fmla="*/ 1040302 w 6858000"/>
              <a:gd name="connsiteY947" fmla="*/ 4846970 h 6858000"/>
              <a:gd name="connsiteX948" fmla="*/ 913764 w 6858000"/>
              <a:gd name="connsiteY948" fmla="*/ 4846970 h 6858000"/>
              <a:gd name="connsiteX949" fmla="*/ 913764 w 6858000"/>
              <a:gd name="connsiteY949" fmla="*/ 4850451 h 6858000"/>
              <a:gd name="connsiteX950" fmla="*/ 917245 w 6858000"/>
              <a:gd name="connsiteY950" fmla="*/ 4850451 h 6858000"/>
              <a:gd name="connsiteX951" fmla="*/ 917245 w 6858000"/>
              <a:gd name="connsiteY951" fmla="*/ 4846970 h 6858000"/>
              <a:gd name="connsiteX952" fmla="*/ 175383 w 6858000"/>
              <a:gd name="connsiteY952" fmla="*/ 4846970 h 6858000"/>
              <a:gd name="connsiteX953" fmla="*/ 175383 w 6858000"/>
              <a:gd name="connsiteY953" fmla="*/ 4850451 h 6858000"/>
              <a:gd name="connsiteX954" fmla="*/ 178864 w 6858000"/>
              <a:gd name="connsiteY954" fmla="*/ 4850451 h 6858000"/>
              <a:gd name="connsiteX955" fmla="*/ 178864 w 6858000"/>
              <a:gd name="connsiteY955" fmla="*/ 4846970 h 6858000"/>
              <a:gd name="connsiteX956" fmla="*/ 52326 w 6858000"/>
              <a:gd name="connsiteY956" fmla="*/ 4846970 h 6858000"/>
              <a:gd name="connsiteX957" fmla="*/ 52326 w 6858000"/>
              <a:gd name="connsiteY957" fmla="*/ 4850451 h 6858000"/>
              <a:gd name="connsiteX958" fmla="*/ 55807 w 6858000"/>
              <a:gd name="connsiteY958" fmla="*/ 4850451 h 6858000"/>
              <a:gd name="connsiteX959" fmla="*/ 55807 w 6858000"/>
              <a:gd name="connsiteY959" fmla="*/ 4846970 h 6858000"/>
              <a:gd name="connsiteX960" fmla="*/ 4237904 w 6858000"/>
              <a:gd name="connsiteY960" fmla="*/ 4725395 h 6858000"/>
              <a:gd name="connsiteX961" fmla="*/ 4237904 w 6858000"/>
              <a:gd name="connsiteY961" fmla="*/ 4725839 h 6858000"/>
              <a:gd name="connsiteX962" fmla="*/ 4238348 w 6858000"/>
              <a:gd name="connsiteY962" fmla="*/ 4725839 h 6858000"/>
              <a:gd name="connsiteX963" fmla="*/ 4238348 w 6858000"/>
              <a:gd name="connsiteY963" fmla="*/ 4725395 h 6858000"/>
              <a:gd name="connsiteX964" fmla="*/ 4114847 w 6858000"/>
              <a:gd name="connsiteY964" fmla="*/ 4725395 h 6858000"/>
              <a:gd name="connsiteX965" fmla="*/ 4114847 w 6858000"/>
              <a:gd name="connsiteY965" fmla="*/ 4725839 h 6858000"/>
              <a:gd name="connsiteX966" fmla="*/ 4115291 w 6858000"/>
              <a:gd name="connsiteY966" fmla="*/ 4725839 h 6858000"/>
              <a:gd name="connsiteX967" fmla="*/ 4115291 w 6858000"/>
              <a:gd name="connsiteY967" fmla="*/ 4725395 h 6858000"/>
              <a:gd name="connsiteX968" fmla="*/ 3991789 w 6858000"/>
              <a:gd name="connsiteY968" fmla="*/ 4725395 h 6858000"/>
              <a:gd name="connsiteX969" fmla="*/ 3991789 w 6858000"/>
              <a:gd name="connsiteY969" fmla="*/ 4725839 h 6858000"/>
              <a:gd name="connsiteX970" fmla="*/ 3992234 w 6858000"/>
              <a:gd name="connsiteY970" fmla="*/ 4725839 h 6858000"/>
              <a:gd name="connsiteX971" fmla="*/ 3992234 w 6858000"/>
              <a:gd name="connsiteY971" fmla="*/ 4725395 h 6858000"/>
              <a:gd name="connsiteX972" fmla="*/ 3868732 w 6858000"/>
              <a:gd name="connsiteY972" fmla="*/ 4725395 h 6858000"/>
              <a:gd name="connsiteX973" fmla="*/ 3868732 w 6858000"/>
              <a:gd name="connsiteY973" fmla="*/ 4725839 h 6858000"/>
              <a:gd name="connsiteX974" fmla="*/ 3869176 w 6858000"/>
              <a:gd name="connsiteY974" fmla="*/ 4725839 h 6858000"/>
              <a:gd name="connsiteX975" fmla="*/ 3869176 w 6858000"/>
              <a:gd name="connsiteY975" fmla="*/ 4725395 h 6858000"/>
              <a:gd name="connsiteX976" fmla="*/ 3745675 w 6858000"/>
              <a:gd name="connsiteY976" fmla="*/ 4725395 h 6858000"/>
              <a:gd name="connsiteX977" fmla="*/ 3745675 w 6858000"/>
              <a:gd name="connsiteY977" fmla="*/ 4725839 h 6858000"/>
              <a:gd name="connsiteX978" fmla="*/ 3746119 w 6858000"/>
              <a:gd name="connsiteY978" fmla="*/ 4725839 h 6858000"/>
              <a:gd name="connsiteX979" fmla="*/ 3746119 w 6858000"/>
              <a:gd name="connsiteY979" fmla="*/ 4725395 h 6858000"/>
              <a:gd name="connsiteX980" fmla="*/ 3622617 w 6858000"/>
              <a:gd name="connsiteY980" fmla="*/ 4725395 h 6858000"/>
              <a:gd name="connsiteX981" fmla="*/ 3622617 w 6858000"/>
              <a:gd name="connsiteY981" fmla="*/ 4725839 h 6858000"/>
              <a:gd name="connsiteX982" fmla="*/ 3623061 w 6858000"/>
              <a:gd name="connsiteY982" fmla="*/ 4725839 h 6858000"/>
              <a:gd name="connsiteX983" fmla="*/ 3623061 w 6858000"/>
              <a:gd name="connsiteY983" fmla="*/ 4725395 h 6858000"/>
              <a:gd name="connsiteX984" fmla="*/ 3499523 w 6858000"/>
              <a:gd name="connsiteY984" fmla="*/ 4725395 h 6858000"/>
              <a:gd name="connsiteX985" fmla="*/ 3499523 w 6858000"/>
              <a:gd name="connsiteY985" fmla="*/ 4725839 h 6858000"/>
              <a:gd name="connsiteX986" fmla="*/ 3499967 w 6858000"/>
              <a:gd name="connsiteY986" fmla="*/ 4725839 h 6858000"/>
              <a:gd name="connsiteX987" fmla="*/ 3499967 w 6858000"/>
              <a:gd name="connsiteY987" fmla="*/ 4725395 h 6858000"/>
              <a:gd name="connsiteX988" fmla="*/ 3376281 w 6858000"/>
              <a:gd name="connsiteY988" fmla="*/ 4725209 h 6858000"/>
              <a:gd name="connsiteX989" fmla="*/ 3376281 w 6858000"/>
              <a:gd name="connsiteY989" fmla="*/ 4726061 h 6858000"/>
              <a:gd name="connsiteX990" fmla="*/ 3377133 w 6858000"/>
              <a:gd name="connsiteY990" fmla="*/ 4726061 h 6858000"/>
              <a:gd name="connsiteX991" fmla="*/ 3377133 w 6858000"/>
              <a:gd name="connsiteY991" fmla="*/ 4725209 h 6858000"/>
              <a:gd name="connsiteX992" fmla="*/ 3253186 w 6858000"/>
              <a:gd name="connsiteY992" fmla="*/ 4725209 h 6858000"/>
              <a:gd name="connsiteX993" fmla="*/ 3253186 w 6858000"/>
              <a:gd name="connsiteY993" fmla="*/ 4726061 h 6858000"/>
              <a:gd name="connsiteX994" fmla="*/ 3254038 w 6858000"/>
              <a:gd name="connsiteY994" fmla="*/ 4726061 h 6858000"/>
              <a:gd name="connsiteX995" fmla="*/ 3254038 w 6858000"/>
              <a:gd name="connsiteY995" fmla="*/ 4725209 h 6858000"/>
              <a:gd name="connsiteX996" fmla="*/ 3130129 w 6858000"/>
              <a:gd name="connsiteY996" fmla="*/ 4725209 h 6858000"/>
              <a:gd name="connsiteX997" fmla="*/ 3130129 w 6858000"/>
              <a:gd name="connsiteY997" fmla="*/ 4726061 h 6858000"/>
              <a:gd name="connsiteX998" fmla="*/ 3130981 w 6858000"/>
              <a:gd name="connsiteY998" fmla="*/ 4726061 h 6858000"/>
              <a:gd name="connsiteX999" fmla="*/ 3130981 w 6858000"/>
              <a:gd name="connsiteY999" fmla="*/ 4725209 h 6858000"/>
              <a:gd name="connsiteX1000" fmla="*/ 3006849 w 6858000"/>
              <a:gd name="connsiteY1000" fmla="*/ 4724987 h 6858000"/>
              <a:gd name="connsiteX1001" fmla="*/ 3006849 w 6858000"/>
              <a:gd name="connsiteY1001" fmla="*/ 4726283 h 6858000"/>
              <a:gd name="connsiteX1002" fmla="*/ 3008145 w 6858000"/>
              <a:gd name="connsiteY1002" fmla="*/ 4726283 h 6858000"/>
              <a:gd name="connsiteX1003" fmla="*/ 3008145 w 6858000"/>
              <a:gd name="connsiteY1003" fmla="*/ 4724987 h 6858000"/>
              <a:gd name="connsiteX1004" fmla="*/ 2883792 w 6858000"/>
              <a:gd name="connsiteY1004" fmla="*/ 4724987 h 6858000"/>
              <a:gd name="connsiteX1005" fmla="*/ 2883792 w 6858000"/>
              <a:gd name="connsiteY1005" fmla="*/ 4726283 h 6858000"/>
              <a:gd name="connsiteX1006" fmla="*/ 2885088 w 6858000"/>
              <a:gd name="connsiteY1006" fmla="*/ 4726283 h 6858000"/>
              <a:gd name="connsiteX1007" fmla="*/ 2885088 w 6858000"/>
              <a:gd name="connsiteY1007" fmla="*/ 4724987 h 6858000"/>
              <a:gd name="connsiteX1008" fmla="*/ 2760513 w 6858000"/>
              <a:gd name="connsiteY1008" fmla="*/ 4724764 h 6858000"/>
              <a:gd name="connsiteX1009" fmla="*/ 2760513 w 6858000"/>
              <a:gd name="connsiteY1009" fmla="*/ 4726505 h 6858000"/>
              <a:gd name="connsiteX1010" fmla="*/ 2762253 w 6858000"/>
              <a:gd name="connsiteY1010" fmla="*/ 4726505 h 6858000"/>
              <a:gd name="connsiteX1011" fmla="*/ 2762253 w 6858000"/>
              <a:gd name="connsiteY1011" fmla="*/ 4724764 h 6858000"/>
              <a:gd name="connsiteX1012" fmla="*/ 2637233 w 6858000"/>
              <a:gd name="connsiteY1012" fmla="*/ 4724542 h 6858000"/>
              <a:gd name="connsiteX1013" fmla="*/ 2637233 w 6858000"/>
              <a:gd name="connsiteY1013" fmla="*/ 4726727 h 6858000"/>
              <a:gd name="connsiteX1014" fmla="*/ 2639418 w 6858000"/>
              <a:gd name="connsiteY1014" fmla="*/ 4726727 h 6858000"/>
              <a:gd name="connsiteX1015" fmla="*/ 2639418 w 6858000"/>
              <a:gd name="connsiteY1015" fmla="*/ 4724542 h 6858000"/>
              <a:gd name="connsiteX1016" fmla="*/ 2514176 w 6858000"/>
              <a:gd name="connsiteY1016" fmla="*/ 4724542 h 6858000"/>
              <a:gd name="connsiteX1017" fmla="*/ 2514176 w 6858000"/>
              <a:gd name="connsiteY1017" fmla="*/ 4726727 h 6858000"/>
              <a:gd name="connsiteX1018" fmla="*/ 2516361 w 6858000"/>
              <a:gd name="connsiteY1018" fmla="*/ 4726727 h 6858000"/>
              <a:gd name="connsiteX1019" fmla="*/ 2516361 w 6858000"/>
              <a:gd name="connsiteY1019" fmla="*/ 4724542 h 6858000"/>
              <a:gd name="connsiteX1020" fmla="*/ 2390896 w 6858000"/>
              <a:gd name="connsiteY1020" fmla="*/ 4724358 h 6858000"/>
              <a:gd name="connsiteX1021" fmla="*/ 2390896 w 6858000"/>
              <a:gd name="connsiteY1021" fmla="*/ 4726950 h 6858000"/>
              <a:gd name="connsiteX1022" fmla="*/ 2393488 w 6858000"/>
              <a:gd name="connsiteY1022" fmla="*/ 4726950 h 6858000"/>
              <a:gd name="connsiteX1023" fmla="*/ 2393488 w 6858000"/>
              <a:gd name="connsiteY1023" fmla="*/ 4724358 h 6858000"/>
              <a:gd name="connsiteX1024" fmla="*/ 2267654 w 6858000"/>
              <a:gd name="connsiteY1024" fmla="*/ 4724135 h 6858000"/>
              <a:gd name="connsiteX1025" fmla="*/ 2267654 w 6858000"/>
              <a:gd name="connsiteY1025" fmla="*/ 4727172 h 6858000"/>
              <a:gd name="connsiteX1026" fmla="*/ 2270691 w 6858000"/>
              <a:gd name="connsiteY1026" fmla="*/ 4727172 h 6858000"/>
              <a:gd name="connsiteX1027" fmla="*/ 2270691 w 6858000"/>
              <a:gd name="connsiteY1027" fmla="*/ 4724135 h 6858000"/>
              <a:gd name="connsiteX1028" fmla="*/ 2144374 w 6858000"/>
              <a:gd name="connsiteY1028" fmla="*/ 4723876 h 6858000"/>
              <a:gd name="connsiteX1029" fmla="*/ 2144374 w 6858000"/>
              <a:gd name="connsiteY1029" fmla="*/ 4727357 h 6858000"/>
              <a:gd name="connsiteX1030" fmla="*/ 2147855 w 6858000"/>
              <a:gd name="connsiteY1030" fmla="*/ 4727357 h 6858000"/>
              <a:gd name="connsiteX1031" fmla="*/ 2147855 w 6858000"/>
              <a:gd name="connsiteY1031" fmla="*/ 4723876 h 6858000"/>
              <a:gd name="connsiteX1032" fmla="*/ 2021095 w 6858000"/>
              <a:gd name="connsiteY1032" fmla="*/ 4723654 h 6858000"/>
              <a:gd name="connsiteX1033" fmla="*/ 2021095 w 6858000"/>
              <a:gd name="connsiteY1033" fmla="*/ 4727579 h 6858000"/>
              <a:gd name="connsiteX1034" fmla="*/ 2025020 w 6858000"/>
              <a:gd name="connsiteY1034" fmla="*/ 4727579 h 6858000"/>
              <a:gd name="connsiteX1035" fmla="*/ 2025020 w 6858000"/>
              <a:gd name="connsiteY1035" fmla="*/ 4723654 h 6858000"/>
              <a:gd name="connsiteX1036" fmla="*/ 1898037 w 6858000"/>
              <a:gd name="connsiteY1036" fmla="*/ 4723654 h 6858000"/>
              <a:gd name="connsiteX1037" fmla="*/ 1898037 w 6858000"/>
              <a:gd name="connsiteY1037" fmla="*/ 4727579 h 6858000"/>
              <a:gd name="connsiteX1038" fmla="*/ 1901962 w 6858000"/>
              <a:gd name="connsiteY1038" fmla="*/ 4727579 h 6858000"/>
              <a:gd name="connsiteX1039" fmla="*/ 1901962 w 6858000"/>
              <a:gd name="connsiteY1039" fmla="*/ 4723654 h 6858000"/>
              <a:gd name="connsiteX1040" fmla="*/ 1774758 w 6858000"/>
              <a:gd name="connsiteY1040" fmla="*/ 4723468 h 6858000"/>
              <a:gd name="connsiteX1041" fmla="*/ 1774758 w 6858000"/>
              <a:gd name="connsiteY1041" fmla="*/ 4727801 h 6858000"/>
              <a:gd name="connsiteX1042" fmla="*/ 1779091 w 6858000"/>
              <a:gd name="connsiteY1042" fmla="*/ 4727801 h 6858000"/>
              <a:gd name="connsiteX1043" fmla="*/ 1779091 w 6858000"/>
              <a:gd name="connsiteY1043" fmla="*/ 4723468 h 6858000"/>
              <a:gd name="connsiteX1044" fmla="*/ 1651478 w 6858000"/>
              <a:gd name="connsiteY1044" fmla="*/ 4723247 h 6858000"/>
              <a:gd name="connsiteX1045" fmla="*/ 1651478 w 6858000"/>
              <a:gd name="connsiteY1045" fmla="*/ 4728024 h 6858000"/>
              <a:gd name="connsiteX1046" fmla="*/ 1656255 w 6858000"/>
              <a:gd name="connsiteY1046" fmla="*/ 4728024 h 6858000"/>
              <a:gd name="connsiteX1047" fmla="*/ 1656255 w 6858000"/>
              <a:gd name="connsiteY1047" fmla="*/ 4723247 h 6858000"/>
              <a:gd name="connsiteX1048" fmla="*/ 1528421 w 6858000"/>
              <a:gd name="connsiteY1048" fmla="*/ 4723247 h 6858000"/>
              <a:gd name="connsiteX1049" fmla="*/ 1528421 w 6858000"/>
              <a:gd name="connsiteY1049" fmla="*/ 4728024 h 6858000"/>
              <a:gd name="connsiteX1050" fmla="*/ 1533198 w 6858000"/>
              <a:gd name="connsiteY1050" fmla="*/ 4728024 h 6858000"/>
              <a:gd name="connsiteX1051" fmla="*/ 1533198 w 6858000"/>
              <a:gd name="connsiteY1051" fmla="*/ 4723247 h 6858000"/>
              <a:gd name="connsiteX1052" fmla="*/ 1159212 w 6858000"/>
              <a:gd name="connsiteY1052" fmla="*/ 4723247 h 6858000"/>
              <a:gd name="connsiteX1053" fmla="*/ 1159212 w 6858000"/>
              <a:gd name="connsiteY1053" fmla="*/ 4728024 h 6858000"/>
              <a:gd name="connsiteX1054" fmla="*/ 1163989 w 6858000"/>
              <a:gd name="connsiteY1054" fmla="*/ 4728024 h 6858000"/>
              <a:gd name="connsiteX1055" fmla="*/ 1163989 w 6858000"/>
              <a:gd name="connsiteY1055" fmla="*/ 4723247 h 6858000"/>
              <a:gd name="connsiteX1056" fmla="*/ 790040 w 6858000"/>
              <a:gd name="connsiteY1056" fmla="*/ 4723247 h 6858000"/>
              <a:gd name="connsiteX1057" fmla="*/ 790040 w 6858000"/>
              <a:gd name="connsiteY1057" fmla="*/ 4728024 h 6858000"/>
              <a:gd name="connsiteX1058" fmla="*/ 794817 w 6858000"/>
              <a:gd name="connsiteY1058" fmla="*/ 4728024 h 6858000"/>
              <a:gd name="connsiteX1059" fmla="*/ 794817 w 6858000"/>
              <a:gd name="connsiteY1059" fmla="*/ 4723247 h 6858000"/>
              <a:gd name="connsiteX1060" fmla="*/ 666983 w 6858000"/>
              <a:gd name="connsiteY1060" fmla="*/ 4723247 h 6858000"/>
              <a:gd name="connsiteX1061" fmla="*/ 666983 w 6858000"/>
              <a:gd name="connsiteY1061" fmla="*/ 4728024 h 6858000"/>
              <a:gd name="connsiteX1062" fmla="*/ 671760 w 6858000"/>
              <a:gd name="connsiteY1062" fmla="*/ 4728024 h 6858000"/>
              <a:gd name="connsiteX1063" fmla="*/ 671760 w 6858000"/>
              <a:gd name="connsiteY1063" fmla="*/ 4723247 h 6858000"/>
              <a:gd name="connsiteX1064" fmla="*/ 543925 w 6858000"/>
              <a:gd name="connsiteY1064" fmla="*/ 4723247 h 6858000"/>
              <a:gd name="connsiteX1065" fmla="*/ 543925 w 6858000"/>
              <a:gd name="connsiteY1065" fmla="*/ 4728024 h 6858000"/>
              <a:gd name="connsiteX1066" fmla="*/ 548702 w 6858000"/>
              <a:gd name="connsiteY1066" fmla="*/ 4728024 h 6858000"/>
              <a:gd name="connsiteX1067" fmla="*/ 548702 w 6858000"/>
              <a:gd name="connsiteY1067" fmla="*/ 4723247 h 6858000"/>
              <a:gd name="connsiteX1068" fmla="*/ 1405142 w 6858000"/>
              <a:gd name="connsiteY1068" fmla="*/ 4723024 h 6858000"/>
              <a:gd name="connsiteX1069" fmla="*/ 1405142 w 6858000"/>
              <a:gd name="connsiteY1069" fmla="*/ 4728246 h 6858000"/>
              <a:gd name="connsiteX1070" fmla="*/ 1410364 w 6858000"/>
              <a:gd name="connsiteY1070" fmla="*/ 4728246 h 6858000"/>
              <a:gd name="connsiteX1071" fmla="*/ 1410364 w 6858000"/>
              <a:gd name="connsiteY1071" fmla="*/ 4723024 h 6858000"/>
              <a:gd name="connsiteX1072" fmla="*/ 1282084 w 6858000"/>
              <a:gd name="connsiteY1072" fmla="*/ 4723024 h 6858000"/>
              <a:gd name="connsiteX1073" fmla="*/ 1282084 w 6858000"/>
              <a:gd name="connsiteY1073" fmla="*/ 4728246 h 6858000"/>
              <a:gd name="connsiteX1074" fmla="*/ 1287305 w 6858000"/>
              <a:gd name="connsiteY1074" fmla="*/ 4728246 h 6858000"/>
              <a:gd name="connsiteX1075" fmla="*/ 1287305 w 6858000"/>
              <a:gd name="connsiteY1075" fmla="*/ 4723024 h 6858000"/>
              <a:gd name="connsiteX1076" fmla="*/ 1035933 w 6858000"/>
              <a:gd name="connsiteY1076" fmla="*/ 4723024 h 6858000"/>
              <a:gd name="connsiteX1077" fmla="*/ 1035933 w 6858000"/>
              <a:gd name="connsiteY1077" fmla="*/ 4728246 h 6858000"/>
              <a:gd name="connsiteX1078" fmla="*/ 1041154 w 6858000"/>
              <a:gd name="connsiteY1078" fmla="*/ 4728246 h 6858000"/>
              <a:gd name="connsiteX1079" fmla="*/ 1041154 w 6858000"/>
              <a:gd name="connsiteY1079" fmla="*/ 4723024 h 6858000"/>
              <a:gd name="connsiteX1080" fmla="*/ 912875 w 6858000"/>
              <a:gd name="connsiteY1080" fmla="*/ 4723024 h 6858000"/>
              <a:gd name="connsiteX1081" fmla="*/ 912875 w 6858000"/>
              <a:gd name="connsiteY1081" fmla="*/ 4728246 h 6858000"/>
              <a:gd name="connsiteX1082" fmla="*/ 918097 w 6858000"/>
              <a:gd name="connsiteY1082" fmla="*/ 4728246 h 6858000"/>
              <a:gd name="connsiteX1083" fmla="*/ 918097 w 6858000"/>
              <a:gd name="connsiteY1083" fmla="*/ 4723024 h 6858000"/>
              <a:gd name="connsiteX1084" fmla="*/ 420646 w 6858000"/>
              <a:gd name="connsiteY1084" fmla="*/ 4723024 h 6858000"/>
              <a:gd name="connsiteX1085" fmla="*/ 420646 w 6858000"/>
              <a:gd name="connsiteY1085" fmla="*/ 4728246 h 6858000"/>
              <a:gd name="connsiteX1086" fmla="*/ 425868 w 6858000"/>
              <a:gd name="connsiteY1086" fmla="*/ 4728246 h 6858000"/>
              <a:gd name="connsiteX1087" fmla="*/ 425868 w 6858000"/>
              <a:gd name="connsiteY1087" fmla="*/ 4723024 h 6858000"/>
              <a:gd name="connsiteX1088" fmla="*/ 297589 w 6858000"/>
              <a:gd name="connsiteY1088" fmla="*/ 4723024 h 6858000"/>
              <a:gd name="connsiteX1089" fmla="*/ 297589 w 6858000"/>
              <a:gd name="connsiteY1089" fmla="*/ 4728246 h 6858000"/>
              <a:gd name="connsiteX1090" fmla="*/ 302811 w 6858000"/>
              <a:gd name="connsiteY1090" fmla="*/ 4728246 h 6858000"/>
              <a:gd name="connsiteX1091" fmla="*/ 302811 w 6858000"/>
              <a:gd name="connsiteY1091" fmla="*/ 4723024 h 6858000"/>
              <a:gd name="connsiteX1092" fmla="*/ 174531 w 6858000"/>
              <a:gd name="connsiteY1092" fmla="*/ 4723024 h 6858000"/>
              <a:gd name="connsiteX1093" fmla="*/ 174531 w 6858000"/>
              <a:gd name="connsiteY1093" fmla="*/ 4728246 h 6858000"/>
              <a:gd name="connsiteX1094" fmla="*/ 179753 w 6858000"/>
              <a:gd name="connsiteY1094" fmla="*/ 4728246 h 6858000"/>
              <a:gd name="connsiteX1095" fmla="*/ 179753 w 6858000"/>
              <a:gd name="connsiteY1095" fmla="*/ 4723024 h 6858000"/>
              <a:gd name="connsiteX1096" fmla="*/ 51474 w 6858000"/>
              <a:gd name="connsiteY1096" fmla="*/ 4723024 h 6858000"/>
              <a:gd name="connsiteX1097" fmla="*/ 51474 w 6858000"/>
              <a:gd name="connsiteY1097" fmla="*/ 4728246 h 6858000"/>
              <a:gd name="connsiteX1098" fmla="*/ 56696 w 6858000"/>
              <a:gd name="connsiteY1098" fmla="*/ 4728246 h 6858000"/>
              <a:gd name="connsiteX1099" fmla="*/ 56696 w 6858000"/>
              <a:gd name="connsiteY1099" fmla="*/ 4723024 h 6858000"/>
              <a:gd name="connsiteX1100" fmla="*/ 4360961 w 6858000"/>
              <a:gd name="connsiteY1100" fmla="*/ 4602337 h 6858000"/>
              <a:gd name="connsiteX1101" fmla="*/ 4360961 w 6858000"/>
              <a:gd name="connsiteY1101" fmla="*/ 4602781 h 6858000"/>
              <a:gd name="connsiteX1102" fmla="*/ 4361405 w 6858000"/>
              <a:gd name="connsiteY1102" fmla="*/ 4602781 h 6858000"/>
              <a:gd name="connsiteX1103" fmla="*/ 4361405 w 6858000"/>
              <a:gd name="connsiteY1103" fmla="*/ 4602337 h 6858000"/>
              <a:gd name="connsiteX1104" fmla="*/ 4237904 w 6858000"/>
              <a:gd name="connsiteY1104" fmla="*/ 4602337 h 6858000"/>
              <a:gd name="connsiteX1105" fmla="*/ 4237904 w 6858000"/>
              <a:gd name="connsiteY1105" fmla="*/ 4602781 h 6858000"/>
              <a:gd name="connsiteX1106" fmla="*/ 4238348 w 6858000"/>
              <a:gd name="connsiteY1106" fmla="*/ 4602781 h 6858000"/>
              <a:gd name="connsiteX1107" fmla="*/ 4238348 w 6858000"/>
              <a:gd name="connsiteY1107" fmla="*/ 4602337 h 6858000"/>
              <a:gd name="connsiteX1108" fmla="*/ 4114847 w 6858000"/>
              <a:gd name="connsiteY1108" fmla="*/ 4602337 h 6858000"/>
              <a:gd name="connsiteX1109" fmla="*/ 4114847 w 6858000"/>
              <a:gd name="connsiteY1109" fmla="*/ 4602781 h 6858000"/>
              <a:gd name="connsiteX1110" fmla="*/ 4115291 w 6858000"/>
              <a:gd name="connsiteY1110" fmla="*/ 4602781 h 6858000"/>
              <a:gd name="connsiteX1111" fmla="*/ 4115291 w 6858000"/>
              <a:gd name="connsiteY1111" fmla="*/ 4602337 h 6858000"/>
              <a:gd name="connsiteX1112" fmla="*/ 3991789 w 6858000"/>
              <a:gd name="connsiteY1112" fmla="*/ 4602337 h 6858000"/>
              <a:gd name="connsiteX1113" fmla="*/ 3991789 w 6858000"/>
              <a:gd name="connsiteY1113" fmla="*/ 4602781 h 6858000"/>
              <a:gd name="connsiteX1114" fmla="*/ 3992234 w 6858000"/>
              <a:gd name="connsiteY1114" fmla="*/ 4602781 h 6858000"/>
              <a:gd name="connsiteX1115" fmla="*/ 3992234 w 6858000"/>
              <a:gd name="connsiteY1115" fmla="*/ 4602337 h 6858000"/>
              <a:gd name="connsiteX1116" fmla="*/ 3868732 w 6858000"/>
              <a:gd name="connsiteY1116" fmla="*/ 4602337 h 6858000"/>
              <a:gd name="connsiteX1117" fmla="*/ 3868732 w 6858000"/>
              <a:gd name="connsiteY1117" fmla="*/ 4602781 h 6858000"/>
              <a:gd name="connsiteX1118" fmla="*/ 3869176 w 6858000"/>
              <a:gd name="connsiteY1118" fmla="*/ 4602781 h 6858000"/>
              <a:gd name="connsiteX1119" fmla="*/ 3869176 w 6858000"/>
              <a:gd name="connsiteY1119" fmla="*/ 4602337 h 6858000"/>
              <a:gd name="connsiteX1120" fmla="*/ 3745675 w 6858000"/>
              <a:gd name="connsiteY1120" fmla="*/ 4602337 h 6858000"/>
              <a:gd name="connsiteX1121" fmla="*/ 3745675 w 6858000"/>
              <a:gd name="connsiteY1121" fmla="*/ 4602781 h 6858000"/>
              <a:gd name="connsiteX1122" fmla="*/ 3746119 w 6858000"/>
              <a:gd name="connsiteY1122" fmla="*/ 4602781 h 6858000"/>
              <a:gd name="connsiteX1123" fmla="*/ 3746119 w 6858000"/>
              <a:gd name="connsiteY1123" fmla="*/ 4602337 h 6858000"/>
              <a:gd name="connsiteX1124" fmla="*/ 3622617 w 6858000"/>
              <a:gd name="connsiteY1124" fmla="*/ 4602337 h 6858000"/>
              <a:gd name="connsiteX1125" fmla="*/ 3622617 w 6858000"/>
              <a:gd name="connsiteY1125" fmla="*/ 4602781 h 6858000"/>
              <a:gd name="connsiteX1126" fmla="*/ 3623061 w 6858000"/>
              <a:gd name="connsiteY1126" fmla="*/ 4602781 h 6858000"/>
              <a:gd name="connsiteX1127" fmla="*/ 3623061 w 6858000"/>
              <a:gd name="connsiteY1127" fmla="*/ 4602337 h 6858000"/>
              <a:gd name="connsiteX1128" fmla="*/ 3499523 w 6858000"/>
              <a:gd name="connsiteY1128" fmla="*/ 4602337 h 6858000"/>
              <a:gd name="connsiteX1129" fmla="*/ 3499523 w 6858000"/>
              <a:gd name="connsiteY1129" fmla="*/ 4602781 h 6858000"/>
              <a:gd name="connsiteX1130" fmla="*/ 3499967 w 6858000"/>
              <a:gd name="connsiteY1130" fmla="*/ 4602781 h 6858000"/>
              <a:gd name="connsiteX1131" fmla="*/ 3499967 w 6858000"/>
              <a:gd name="connsiteY1131" fmla="*/ 4602337 h 6858000"/>
              <a:gd name="connsiteX1132" fmla="*/ 3376281 w 6858000"/>
              <a:gd name="connsiteY1132" fmla="*/ 4602152 h 6858000"/>
              <a:gd name="connsiteX1133" fmla="*/ 3376281 w 6858000"/>
              <a:gd name="connsiteY1133" fmla="*/ 4603004 h 6858000"/>
              <a:gd name="connsiteX1134" fmla="*/ 3377133 w 6858000"/>
              <a:gd name="connsiteY1134" fmla="*/ 4603004 h 6858000"/>
              <a:gd name="connsiteX1135" fmla="*/ 3377133 w 6858000"/>
              <a:gd name="connsiteY1135" fmla="*/ 4602152 h 6858000"/>
              <a:gd name="connsiteX1136" fmla="*/ 3253186 w 6858000"/>
              <a:gd name="connsiteY1136" fmla="*/ 4602152 h 6858000"/>
              <a:gd name="connsiteX1137" fmla="*/ 3253186 w 6858000"/>
              <a:gd name="connsiteY1137" fmla="*/ 4603004 h 6858000"/>
              <a:gd name="connsiteX1138" fmla="*/ 3254038 w 6858000"/>
              <a:gd name="connsiteY1138" fmla="*/ 4603004 h 6858000"/>
              <a:gd name="connsiteX1139" fmla="*/ 3254038 w 6858000"/>
              <a:gd name="connsiteY1139" fmla="*/ 4602152 h 6858000"/>
              <a:gd name="connsiteX1140" fmla="*/ 3129944 w 6858000"/>
              <a:gd name="connsiteY1140" fmla="*/ 4601930 h 6858000"/>
              <a:gd name="connsiteX1141" fmla="*/ 3129944 w 6858000"/>
              <a:gd name="connsiteY1141" fmla="*/ 4603226 h 6858000"/>
              <a:gd name="connsiteX1142" fmla="*/ 3131240 w 6858000"/>
              <a:gd name="connsiteY1142" fmla="*/ 4603226 h 6858000"/>
              <a:gd name="connsiteX1143" fmla="*/ 3131240 w 6858000"/>
              <a:gd name="connsiteY1143" fmla="*/ 4601930 h 6858000"/>
              <a:gd name="connsiteX1144" fmla="*/ 3006849 w 6858000"/>
              <a:gd name="connsiteY1144" fmla="*/ 4601930 h 6858000"/>
              <a:gd name="connsiteX1145" fmla="*/ 3006849 w 6858000"/>
              <a:gd name="connsiteY1145" fmla="*/ 4603226 h 6858000"/>
              <a:gd name="connsiteX1146" fmla="*/ 3008145 w 6858000"/>
              <a:gd name="connsiteY1146" fmla="*/ 4603226 h 6858000"/>
              <a:gd name="connsiteX1147" fmla="*/ 3008145 w 6858000"/>
              <a:gd name="connsiteY1147" fmla="*/ 4601930 h 6858000"/>
              <a:gd name="connsiteX1148" fmla="*/ 2883607 w 6858000"/>
              <a:gd name="connsiteY1148" fmla="*/ 4601708 h 6858000"/>
              <a:gd name="connsiteX1149" fmla="*/ 2883607 w 6858000"/>
              <a:gd name="connsiteY1149" fmla="*/ 4603448 h 6858000"/>
              <a:gd name="connsiteX1150" fmla="*/ 2885347 w 6858000"/>
              <a:gd name="connsiteY1150" fmla="*/ 4603448 h 6858000"/>
              <a:gd name="connsiteX1151" fmla="*/ 2885347 w 6858000"/>
              <a:gd name="connsiteY1151" fmla="*/ 4601708 h 6858000"/>
              <a:gd name="connsiteX1152" fmla="*/ 2760327 w 6858000"/>
              <a:gd name="connsiteY1152" fmla="*/ 4601485 h 6858000"/>
              <a:gd name="connsiteX1153" fmla="*/ 2760327 w 6858000"/>
              <a:gd name="connsiteY1153" fmla="*/ 4603670 h 6858000"/>
              <a:gd name="connsiteX1154" fmla="*/ 2762512 w 6858000"/>
              <a:gd name="connsiteY1154" fmla="*/ 4603670 h 6858000"/>
              <a:gd name="connsiteX1155" fmla="*/ 2762512 w 6858000"/>
              <a:gd name="connsiteY1155" fmla="*/ 4601485 h 6858000"/>
              <a:gd name="connsiteX1156" fmla="*/ 2637048 w 6858000"/>
              <a:gd name="connsiteY1156" fmla="*/ 4601300 h 6858000"/>
              <a:gd name="connsiteX1157" fmla="*/ 2637048 w 6858000"/>
              <a:gd name="connsiteY1157" fmla="*/ 4603892 h 6858000"/>
              <a:gd name="connsiteX1158" fmla="*/ 2639640 w 6858000"/>
              <a:gd name="connsiteY1158" fmla="*/ 4603892 h 6858000"/>
              <a:gd name="connsiteX1159" fmla="*/ 2639640 w 6858000"/>
              <a:gd name="connsiteY1159" fmla="*/ 4601300 h 6858000"/>
              <a:gd name="connsiteX1160" fmla="*/ 2513768 w 6858000"/>
              <a:gd name="connsiteY1160" fmla="*/ 4601040 h 6858000"/>
              <a:gd name="connsiteX1161" fmla="*/ 2513768 w 6858000"/>
              <a:gd name="connsiteY1161" fmla="*/ 4604077 h 6858000"/>
              <a:gd name="connsiteX1162" fmla="*/ 2516805 w 6858000"/>
              <a:gd name="connsiteY1162" fmla="*/ 4604077 h 6858000"/>
              <a:gd name="connsiteX1163" fmla="*/ 2516805 w 6858000"/>
              <a:gd name="connsiteY1163" fmla="*/ 4601040 h 6858000"/>
              <a:gd name="connsiteX1164" fmla="*/ 2390489 w 6858000"/>
              <a:gd name="connsiteY1164" fmla="*/ 4600819 h 6858000"/>
              <a:gd name="connsiteX1165" fmla="*/ 2390489 w 6858000"/>
              <a:gd name="connsiteY1165" fmla="*/ 4604300 h 6858000"/>
              <a:gd name="connsiteX1166" fmla="*/ 2393970 w 6858000"/>
              <a:gd name="connsiteY1166" fmla="*/ 4604300 h 6858000"/>
              <a:gd name="connsiteX1167" fmla="*/ 2393970 w 6858000"/>
              <a:gd name="connsiteY1167" fmla="*/ 4600819 h 6858000"/>
              <a:gd name="connsiteX1168" fmla="*/ 2267209 w 6858000"/>
              <a:gd name="connsiteY1168" fmla="*/ 4600597 h 6858000"/>
              <a:gd name="connsiteX1169" fmla="*/ 2267209 w 6858000"/>
              <a:gd name="connsiteY1169" fmla="*/ 4604522 h 6858000"/>
              <a:gd name="connsiteX1170" fmla="*/ 2271134 w 6858000"/>
              <a:gd name="connsiteY1170" fmla="*/ 4604522 h 6858000"/>
              <a:gd name="connsiteX1171" fmla="*/ 2271134 w 6858000"/>
              <a:gd name="connsiteY1171" fmla="*/ 4600597 h 6858000"/>
              <a:gd name="connsiteX1172" fmla="*/ 2143930 w 6858000"/>
              <a:gd name="connsiteY1172" fmla="*/ 4600411 h 6858000"/>
              <a:gd name="connsiteX1173" fmla="*/ 2143930 w 6858000"/>
              <a:gd name="connsiteY1173" fmla="*/ 4604744 h 6858000"/>
              <a:gd name="connsiteX1174" fmla="*/ 2148263 w 6858000"/>
              <a:gd name="connsiteY1174" fmla="*/ 4604744 h 6858000"/>
              <a:gd name="connsiteX1175" fmla="*/ 2148263 w 6858000"/>
              <a:gd name="connsiteY1175" fmla="*/ 4600411 h 6858000"/>
              <a:gd name="connsiteX1176" fmla="*/ 2020650 w 6858000"/>
              <a:gd name="connsiteY1176" fmla="*/ 4600189 h 6858000"/>
              <a:gd name="connsiteX1177" fmla="*/ 2020650 w 6858000"/>
              <a:gd name="connsiteY1177" fmla="*/ 4604966 h 6858000"/>
              <a:gd name="connsiteX1178" fmla="*/ 2025427 w 6858000"/>
              <a:gd name="connsiteY1178" fmla="*/ 4604966 h 6858000"/>
              <a:gd name="connsiteX1179" fmla="*/ 2025427 w 6858000"/>
              <a:gd name="connsiteY1179" fmla="*/ 4600189 h 6858000"/>
              <a:gd name="connsiteX1180" fmla="*/ 1897371 w 6858000"/>
              <a:gd name="connsiteY1180" fmla="*/ 4599967 h 6858000"/>
              <a:gd name="connsiteX1181" fmla="*/ 1897371 w 6858000"/>
              <a:gd name="connsiteY1181" fmla="*/ 4605188 h 6858000"/>
              <a:gd name="connsiteX1182" fmla="*/ 1902592 w 6858000"/>
              <a:gd name="connsiteY1182" fmla="*/ 4605188 h 6858000"/>
              <a:gd name="connsiteX1183" fmla="*/ 1902592 w 6858000"/>
              <a:gd name="connsiteY1183" fmla="*/ 4599967 h 6858000"/>
              <a:gd name="connsiteX1184" fmla="*/ 1774091 w 6858000"/>
              <a:gd name="connsiteY1184" fmla="*/ 4599782 h 6858000"/>
              <a:gd name="connsiteX1185" fmla="*/ 1774091 w 6858000"/>
              <a:gd name="connsiteY1185" fmla="*/ 4605411 h 6858000"/>
              <a:gd name="connsiteX1186" fmla="*/ 1779720 w 6858000"/>
              <a:gd name="connsiteY1186" fmla="*/ 4605411 h 6858000"/>
              <a:gd name="connsiteX1187" fmla="*/ 1779720 w 6858000"/>
              <a:gd name="connsiteY1187" fmla="*/ 4599782 h 6858000"/>
              <a:gd name="connsiteX1188" fmla="*/ 1650812 w 6858000"/>
              <a:gd name="connsiteY1188" fmla="*/ 4599560 h 6858000"/>
              <a:gd name="connsiteX1189" fmla="*/ 1650812 w 6858000"/>
              <a:gd name="connsiteY1189" fmla="*/ 4605633 h 6858000"/>
              <a:gd name="connsiteX1190" fmla="*/ 1656885 w 6858000"/>
              <a:gd name="connsiteY1190" fmla="*/ 4605633 h 6858000"/>
              <a:gd name="connsiteX1191" fmla="*/ 1656885 w 6858000"/>
              <a:gd name="connsiteY1191" fmla="*/ 4599560 h 6858000"/>
              <a:gd name="connsiteX1192" fmla="*/ 1527754 w 6858000"/>
              <a:gd name="connsiteY1192" fmla="*/ 4599560 h 6858000"/>
              <a:gd name="connsiteX1193" fmla="*/ 1527754 w 6858000"/>
              <a:gd name="connsiteY1193" fmla="*/ 4605633 h 6858000"/>
              <a:gd name="connsiteX1194" fmla="*/ 1533827 w 6858000"/>
              <a:gd name="connsiteY1194" fmla="*/ 4605633 h 6858000"/>
              <a:gd name="connsiteX1195" fmla="*/ 1533827 w 6858000"/>
              <a:gd name="connsiteY1195" fmla="*/ 4599560 h 6858000"/>
              <a:gd name="connsiteX1196" fmla="*/ 1404475 w 6858000"/>
              <a:gd name="connsiteY1196" fmla="*/ 4599300 h 6858000"/>
              <a:gd name="connsiteX1197" fmla="*/ 1404475 w 6858000"/>
              <a:gd name="connsiteY1197" fmla="*/ 4605818 h 6858000"/>
              <a:gd name="connsiteX1198" fmla="*/ 1410993 w 6858000"/>
              <a:gd name="connsiteY1198" fmla="*/ 4605818 h 6858000"/>
              <a:gd name="connsiteX1199" fmla="*/ 1410993 w 6858000"/>
              <a:gd name="connsiteY1199" fmla="*/ 4599300 h 6858000"/>
              <a:gd name="connsiteX1200" fmla="*/ 1281418 w 6858000"/>
              <a:gd name="connsiteY1200" fmla="*/ 4599300 h 6858000"/>
              <a:gd name="connsiteX1201" fmla="*/ 1281418 w 6858000"/>
              <a:gd name="connsiteY1201" fmla="*/ 4605818 h 6858000"/>
              <a:gd name="connsiteX1202" fmla="*/ 1287936 w 6858000"/>
              <a:gd name="connsiteY1202" fmla="*/ 4605818 h 6858000"/>
              <a:gd name="connsiteX1203" fmla="*/ 1287936 w 6858000"/>
              <a:gd name="connsiteY1203" fmla="*/ 4599300 h 6858000"/>
              <a:gd name="connsiteX1204" fmla="*/ 1158138 w 6858000"/>
              <a:gd name="connsiteY1204" fmla="*/ 4599078 h 6858000"/>
              <a:gd name="connsiteX1205" fmla="*/ 1158138 w 6858000"/>
              <a:gd name="connsiteY1205" fmla="*/ 4606040 h 6858000"/>
              <a:gd name="connsiteX1206" fmla="*/ 1165100 w 6858000"/>
              <a:gd name="connsiteY1206" fmla="*/ 4606040 h 6858000"/>
              <a:gd name="connsiteX1207" fmla="*/ 1165100 w 6858000"/>
              <a:gd name="connsiteY1207" fmla="*/ 4599078 h 6858000"/>
              <a:gd name="connsiteX1208" fmla="*/ 1035081 w 6858000"/>
              <a:gd name="connsiteY1208" fmla="*/ 4599078 h 6858000"/>
              <a:gd name="connsiteX1209" fmla="*/ 1035081 w 6858000"/>
              <a:gd name="connsiteY1209" fmla="*/ 4606040 h 6858000"/>
              <a:gd name="connsiteX1210" fmla="*/ 1042043 w 6858000"/>
              <a:gd name="connsiteY1210" fmla="*/ 4606040 h 6858000"/>
              <a:gd name="connsiteX1211" fmla="*/ 1042043 w 6858000"/>
              <a:gd name="connsiteY1211" fmla="*/ 4599078 h 6858000"/>
              <a:gd name="connsiteX1212" fmla="*/ 912024 w 6858000"/>
              <a:gd name="connsiteY1212" fmla="*/ 4599078 h 6858000"/>
              <a:gd name="connsiteX1213" fmla="*/ 912024 w 6858000"/>
              <a:gd name="connsiteY1213" fmla="*/ 4606040 h 6858000"/>
              <a:gd name="connsiteX1214" fmla="*/ 918986 w 6858000"/>
              <a:gd name="connsiteY1214" fmla="*/ 4606040 h 6858000"/>
              <a:gd name="connsiteX1215" fmla="*/ 918986 w 6858000"/>
              <a:gd name="connsiteY1215" fmla="*/ 4599078 h 6858000"/>
              <a:gd name="connsiteX1216" fmla="*/ 788966 w 6858000"/>
              <a:gd name="connsiteY1216" fmla="*/ 4599078 h 6858000"/>
              <a:gd name="connsiteX1217" fmla="*/ 788966 w 6858000"/>
              <a:gd name="connsiteY1217" fmla="*/ 4606040 h 6858000"/>
              <a:gd name="connsiteX1218" fmla="*/ 795928 w 6858000"/>
              <a:gd name="connsiteY1218" fmla="*/ 4606040 h 6858000"/>
              <a:gd name="connsiteX1219" fmla="*/ 795928 w 6858000"/>
              <a:gd name="connsiteY1219" fmla="*/ 4599078 h 6858000"/>
              <a:gd name="connsiteX1220" fmla="*/ 665909 w 6858000"/>
              <a:gd name="connsiteY1220" fmla="*/ 4599078 h 6858000"/>
              <a:gd name="connsiteX1221" fmla="*/ 665909 w 6858000"/>
              <a:gd name="connsiteY1221" fmla="*/ 4606040 h 6858000"/>
              <a:gd name="connsiteX1222" fmla="*/ 672871 w 6858000"/>
              <a:gd name="connsiteY1222" fmla="*/ 4606040 h 6858000"/>
              <a:gd name="connsiteX1223" fmla="*/ 672871 w 6858000"/>
              <a:gd name="connsiteY1223" fmla="*/ 4599078 h 6858000"/>
              <a:gd name="connsiteX1224" fmla="*/ 542629 w 6858000"/>
              <a:gd name="connsiteY1224" fmla="*/ 4598893 h 6858000"/>
              <a:gd name="connsiteX1225" fmla="*/ 542629 w 6858000"/>
              <a:gd name="connsiteY1225" fmla="*/ 4606262 h 6858000"/>
              <a:gd name="connsiteX1226" fmla="*/ 549998 w 6858000"/>
              <a:gd name="connsiteY1226" fmla="*/ 4606262 h 6858000"/>
              <a:gd name="connsiteX1227" fmla="*/ 549998 w 6858000"/>
              <a:gd name="connsiteY1227" fmla="*/ 4598893 h 6858000"/>
              <a:gd name="connsiteX1228" fmla="*/ 419572 w 6858000"/>
              <a:gd name="connsiteY1228" fmla="*/ 4598893 h 6858000"/>
              <a:gd name="connsiteX1229" fmla="*/ 419572 w 6858000"/>
              <a:gd name="connsiteY1229" fmla="*/ 4606262 h 6858000"/>
              <a:gd name="connsiteX1230" fmla="*/ 426941 w 6858000"/>
              <a:gd name="connsiteY1230" fmla="*/ 4606262 h 6858000"/>
              <a:gd name="connsiteX1231" fmla="*/ 426941 w 6858000"/>
              <a:gd name="connsiteY1231" fmla="*/ 4598893 h 6858000"/>
              <a:gd name="connsiteX1232" fmla="*/ 296515 w 6858000"/>
              <a:gd name="connsiteY1232" fmla="*/ 4598893 h 6858000"/>
              <a:gd name="connsiteX1233" fmla="*/ 296515 w 6858000"/>
              <a:gd name="connsiteY1233" fmla="*/ 4606262 h 6858000"/>
              <a:gd name="connsiteX1234" fmla="*/ 303884 w 6858000"/>
              <a:gd name="connsiteY1234" fmla="*/ 4606262 h 6858000"/>
              <a:gd name="connsiteX1235" fmla="*/ 303884 w 6858000"/>
              <a:gd name="connsiteY1235" fmla="*/ 4598893 h 6858000"/>
              <a:gd name="connsiteX1236" fmla="*/ 50400 w 6858000"/>
              <a:gd name="connsiteY1236" fmla="*/ 4598893 h 6858000"/>
              <a:gd name="connsiteX1237" fmla="*/ 50400 w 6858000"/>
              <a:gd name="connsiteY1237" fmla="*/ 4606262 h 6858000"/>
              <a:gd name="connsiteX1238" fmla="*/ 57769 w 6858000"/>
              <a:gd name="connsiteY1238" fmla="*/ 4606262 h 6858000"/>
              <a:gd name="connsiteX1239" fmla="*/ 57769 w 6858000"/>
              <a:gd name="connsiteY1239" fmla="*/ 4598893 h 6858000"/>
              <a:gd name="connsiteX1240" fmla="*/ 173235 w 6858000"/>
              <a:gd name="connsiteY1240" fmla="*/ 4598671 h 6858000"/>
              <a:gd name="connsiteX1241" fmla="*/ 173235 w 6858000"/>
              <a:gd name="connsiteY1241" fmla="*/ 4606485 h 6858000"/>
              <a:gd name="connsiteX1242" fmla="*/ 181049 w 6858000"/>
              <a:gd name="connsiteY1242" fmla="*/ 4606485 h 6858000"/>
              <a:gd name="connsiteX1243" fmla="*/ 181049 w 6858000"/>
              <a:gd name="connsiteY1243" fmla="*/ 4598671 h 6858000"/>
              <a:gd name="connsiteX1244" fmla="*/ 4360961 w 6858000"/>
              <a:gd name="connsiteY1244" fmla="*/ 4479280 h 6858000"/>
              <a:gd name="connsiteX1245" fmla="*/ 4360961 w 6858000"/>
              <a:gd name="connsiteY1245" fmla="*/ 4479724 h 6858000"/>
              <a:gd name="connsiteX1246" fmla="*/ 4361405 w 6858000"/>
              <a:gd name="connsiteY1246" fmla="*/ 4479724 h 6858000"/>
              <a:gd name="connsiteX1247" fmla="*/ 4361405 w 6858000"/>
              <a:gd name="connsiteY1247" fmla="*/ 4479280 h 6858000"/>
              <a:gd name="connsiteX1248" fmla="*/ 4237904 w 6858000"/>
              <a:gd name="connsiteY1248" fmla="*/ 4479280 h 6858000"/>
              <a:gd name="connsiteX1249" fmla="*/ 4237904 w 6858000"/>
              <a:gd name="connsiteY1249" fmla="*/ 4479724 h 6858000"/>
              <a:gd name="connsiteX1250" fmla="*/ 4238348 w 6858000"/>
              <a:gd name="connsiteY1250" fmla="*/ 4479724 h 6858000"/>
              <a:gd name="connsiteX1251" fmla="*/ 4238348 w 6858000"/>
              <a:gd name="connsiteY1251" fmla="*/ 4479280 h 6858000"/>
              <a:gd name="connsiteX1252" fmla="*/ 4114847 w 6858000"/>
              <a:gd name="connsiteY1252" fmla="*/ 4479280 h 6858000"/>
              <a:gd name="connsiteX1253" fmla="*/ 4114847 w 6858000"/>
              <a:gd name="connsiteY1253" fmla="*/ 4479724 h 6858000"/>
              <a:gd name="connsiteX1254" fmla="*/ 4115291 w 6858000"/>
              <a:gd name="connsiteY1254" fmla="*/ 4479724 h 6858000"/>
              <a:gd name="connsiteX1255" fmla="*/ 4115291 w 6858000"/>
              <a:gd name="connsiteY1255" fmla="*/ 4479280 h 6858000"/>
              <a:gd name="connsiteX1256" fmla="*/ 3991789 w 6858000"/>
              <a:gd name="connsiteY1256" fmla="*/ 4479280 h 6858000"/>
              <a:gd name="connsiteX1257" fmla="*/ 3991789 w 6858000"/>
              <a:gd name="connsiteY1257" fmla="*/ 4479724 h 6858000"/>
              <a:gd name="connsiteX1258" fmla="*/ 3992234 w 6858000"/>
              <a:gd name="connsiteY1258" fmla="*/ 4479724 h 6858000"/>
              <a:gd name="connsiteX1259" fmla="*/ 3992234 w 6858000"/>
              <a:gd name="connsiteY1259" fmla="*/ 4479280 h 6858000"/>
              <a:gd name="connsiteX1260" fmla="*/ 3868732 w 6858000"/>
              <a:gd name="connsiteY1260" fmla="*/ 4479280 h 6858000"/>
              <a:gd name="connsiteX1261" fmla="*/ 3868732 w 6858000"/>
              <a:gd name="connsiteY1261" fmla="*/ 4479724 h 6858000"/>
              <a:gd name="connsiteX1262" fmla="*/ 3869176 w 6858000"/>
              <a:gd name="connsiteY1262" fmla="*/ 4479724 h 6858000"/>
              <a:gd name="connsiteX1263" fmla="*/ 3869176 w 6858000"/>
              <a:gd name="connsiteY1263" fmla="*/ 4479280 h 6858000"/>
              <a:gd name="connsiteX1264" fmla="*/ 3745675 w 6858000"/>
              <a:gd name="connsiteY1264" fmla="*/ 4479280 h 6858000"/>
              <a:gd name="connsiteX1265" fmla="*/ 3745675 w 6858000"/>
              <a:gd name="connsiteY1265" fmla="*/ 4479724 h 6858000"/>
              <a:gd name="connsiteX1266" fmla="*/ 3746119 w 6858000"/>
              <a:gd name="connsiteY1266" fmla="*/ 4479724 h 6858000"/>
              <a:gd name="connsiteX1267" fmla="*/ 3746119 w 6858000"/>
              <a:gd name="connsiteY1267" fmla="*/ 4479280 h 6858000"/>
              <a:gd name="connsiteX1268" fmla="*/ 3622617 w 6858000"/>
              <a:gd name="connsiteY1268" fmla="*/ 4479280 h 6858000"/>
              <a:gd name="connsiteX1269" fmla="*/ 3622617 w 6858000"/>
              <a:gd name="connsiteY1269" fmla="*/ 4479724 h 6858000"/>
              <a:gd name="connsiteX1270" fmla="*/ 3623061 w 6858000"/>
              <a:gd name="connsiteY1270" fmla="*/ 4479724 h 6858000"/>
              <a:gd name="connsiteX1271" fmla="*/ 3623061 w 6858000"/>
              <a:gd name="connsiteY1271" fmla="*/ 4479280 h 6858000"/>
              <a:gd name="connsiteX1272" fmla="*/ 3499338 w 6858000"/>
              <a:gd name="connsiteY1272" fmla="*/ 4479094 h 6858000"/>
              <a:gd name="connsiteX1273" fmla="*/ 3499338 w 6858000"/>
              <a:gd name="connsiteY1273" fmla="*/ 4479946 h 6858000"/>
              <a:gd name="connsiteX1274" fmla="*/ 3500190 w 6858000"/>
              <a:gd name="connsiteY1274" fmla="*/ 4479946 h 6858000"/>
              <a:gd name="connsiteX1275" fmla="*/ 3500190 w 6858000"/>
              <a:gd name="connsiteY1275" fmla="*/ 4479094 h 6858000"/>
              <a:gd name="connsiteX1276" fmla="*/ 3376281 w 6858000"/>
              <a:gd name="connsiteY1276" fmla="*/ 4479094 h 6858000"/>
              <a:gd name="connsiteX1277" fmla="*/ 3376281 w 6858000"/>
              <a:gd name="connsiteY1277" fmla="*/ 4479946 h 6858000"/>
              <a:gd name="connsiteX1278" fmla="*/ 3377133 w 6858000"/>
              <a:gd name="connsiteY1278" fmla="*/ 4479946 h 6858000"/>
              <a:gd name="connsiteX1279" fmla="*/ 3377133 w 6858000"/>
              <a:gd name="connsiteY1279" fmla="*/ 4479094 h 6858000"/>
              <a:gd name="connsiteX1280" fmla="*/ 3253001 w 6858000"/>
              <a:gd name="connsiteY1280" fmla="*/ 4478872 h 6858000"/>
              <a:gd name="connsiteX1281" fmla="*/ 3253001 w 6858000"/>
              <a:gd name="connsiteY1281" fmla="*/ 4480168 h 6858000"/>
              <a:gd name="connsiteX1282" fmla="*/ 3254297 w 6858000"/>
              <a:gd name="connsiteY1282" fmla="*/ 4480168 h 6858000"/>
              <a:gd name="connsiteX1283" fmla="*/ 3254297 w 6858000"/>
              <a:gd name="connsiteY1283" fmla="*/ 4478872 h 6858000"/>
              <a:gd name="connsiteX1284" fmla="*/ 3129944 w 6858000"/>
              <a:gd name="connsiteY1284" fmla="*/ 4478872 h 6858000"/>
              <a:gd name="connsiteX1285" fmla="*/ 3129944 w 6858000"/>
              <a:gd name="connsiteY1285" fmla="*/ 4480168 h 6858000"/>
              <a:gd name="connsiteX1286" fmla="*/ 3131240 w 6858000"/>
              <a:gd name="connsiteY1286" fmla="*/ 4480168 h 6858000"/>
              <a:gd name="connsiteX1287" fmla="*/ 3131240 w 6858000"/>
              <a:gd name="connsiteY1287" fmla="*/ 4478872 h 6858000"/>
              <a:gd name="connsiteX1288" fmla="*/ 3006664 w 6858000"/>
              <a:gd name="connsiteY1288" fmla="*/ 4478650 h 6858000"/>
              <a:gd name="connsiteX1289" fmla="*/ 3006664 w 6858000"/>
              <a:gd name="connsiteY1289" fmla="*/ 4480391 h 6858000"/>
              <a:gd name="connsiteX1290" fmla="*/ 3008404 w 6858000"/>
              <a:gd name="connsiteY1290" fmla="*/ 4480391 h 6858000"/>
              <a:gd name="connsiteX1291" fmla="*/ 3008404 w 6858000"/>
              <a:gd name="connsiteY1291" fmla="*/ 4478650 h 6858000"/>
              <a:gd name="connsiteX1292" fmla="*/ 2883385 w 6858000"/>
              <a:gd name="connsiteY1292" fmla="*/ 4478428 h 6858000"/>
              <a:gd name="connsiteX1293" fmla="*/ 2883385 w 6858000"/>
              <a:gd name="connsiteY1293" fmla="*/ 4480613 h 6858000"/>
              <a:gd name="connsiteX1294" fmla="*/ 2885570 w 6858000"/>
              <a:gd name="connsiteY1294" fmla="*/ 4480613 h 6858000"/>
              <a:gd name="connsiteX1295" fmla="*/ 2885570 w 6858000"/>
              <a:gd name="connsiteY1295" fmla="*/ 4478428 h 6858000"/>
              <a:gd name="connsiteX1296" fmla="*/ 2760105 w 6858000"/>
              <a:gd name="connsiteY1296" fmla="*/ 4478243 h 6858000"/>
              <a:gd name="connsiteX1297" fmla="*/ 2760105 w 6858000"/>
              <a:gd name="connsiteY1297" fmla="*/ 4480835 h 6858000"/>
              <a:gd name="connsiteX1298" fmla="*/ 2762697 w 6858000"/>
              <a:gd name="connsiteY1298" fmla="*/ 4480835 h 6858000"/>
              <a:gd name="connsiteX1299" fmla="*/ 2762697 w 6858000"/>
              <a:gd name="connsiteY1299" fmla="*/ 4478243 h 6858000"/>
              <a:gd name="connsiteX1300" fmla="*/ 2636826 w 6858000"/>
              <a:gd name="connsiteY1300" fmla="*/ 4477983 h 6858000"/>
              <a:gd name="connsiteX1301" fmla="*/ 2636826 w 6858000"/>
              <a:gd name="connsiteY1301" fmla="*/ 4481020 h 6858000"/>
              <a:gd name="connsiteX1302" fmla="*/ 2639863 w 6858000"/>
              <a:gd name="connsiteY1302" fmla="*/ 4481020 h 6858000"/>
              <a:gd name="connsiteX1303" fmla="*/ 2639863 w 6858000"/>
              <a:gd name="connsiteY1303" fmla="*/ 4477983 h 6858000"/>
              <a:gd name="connsiteX1304" fmla="*/ 2513546 w 6858000"/>
              <a:gd name="connsiteY1304" fmla="*/ 4477761 h 6858000"/>
              <a:gd name="connsiteX1305" fmla="*/ 2513546 w 6858000"/>
              <a:gd name="connsiteY1305" fmla="*/ 4481242 h 6858000"/>
              <a:gd name="connsiteX1306" fmla="*/ 2517027 w 6858000"/>
              <a:gd name="connsiteY1306" fmla="*/ 4481242 h 6858000"/>
              <a:gd name="connsiteX1307" fmla="*/ 2517027 w 6858000"/>
              <a:gd name="connsiteY1307" fmla="*/ 4477761 h 6858000"/>
              <a:gd name="connsiteX1308" fmla="*/ 2390267 w 6858000"/>
              <a:gd name="connsiteY1308" fmla="*/ 4477539 h 6858000"/>
              <a:gd name="connsiteX1309" fmla="*/ 2390267 w 6858000"/>
              <a:gd name="connsiteY1309" fmla="*/ 4481464 h 6858000"/>
              <a:gd name="connsiteX1310" fmla="*/ 2394192 w 6858000"/>
              <a:gd name="connsiteY1310" fmla="*/ 4481464 h 6858000"/>
              <a:gd name="connsiteX1311" fmla="*/ 2394192 w 6858000"/>
              <a:gd name="connsiteY1311" fmla="*/ 4477539 h 6858000"/>
              <a:gd name="connsiteX1312" fmla="*/ 2266765 w 6858000"/>
              <a:gd name="connsiteY1312" fmla="*/ 4477132 h 6858000"/>
              <a:gd name="connsiteX1313" fmla="*/ 2266765 w 6858000"/>
              <a:gd name="connsiteY1313" fmla="*/ 4481909 h 6858000"/>
              <a:gd name="connsiteX1314" fmla="*/ 2271542 w 6858000"/>
              <a:gd name="connsiteY1314" fmla="*/ 4481909 h 6858000"/>
              <a:gd name="connsiteX1315" fmla="*/ 2271542 w 6858000"/>
              <a:gd name="connsiteY1315" fmla="*/ 4477132 h 6858000"/>
              <a:gd name="connsiteX1316" fmla="*/ 2143485 w 6858000"/>
              <a:gd name="connsiteY1316" fmla="*/ 4476909 h 6858000"/>
              <a:gd name="connsiteX1317" fmla="*/ 2143485 w 6858000"/>
              <a:gd name="connsiteY1317" fmla="*/ 4482131 h 6858000"/>
              <a:gd name="connsiteX1318" fmla="*/ 2148706 w 6858000"/>
              <a:gd name="connsiteY1318" fmla="*/ 4482131 h 6858000"/>
              <a:gd name="connsiteX1319" fmla="*/ 2148706 w 6858000"/>
              <a:gd name="connsiteY1319" fmla="*/ 4476909 h 6858000"/>
              <a:gd name="connsiteX1320" fmla="*/ 2020206 w 6858000"/>
              <a:gd name="connsiteY1320" fmla="*/ 4476724 h 6858000"/>
              <a:gd name="connsiteX1321" fmla="*/ 2020206 w 6858000"/>
              <a:gd name="connsiteY1321" fmla="*/ 4482353 h 6858000"/>
              <a:gd name="connsiteX1322" fmla="*/ 2025835 w 6858000"/>
              <a:gd name="connsiteY1322" fmla="*/ 4482353 h 6858000"/>
              <a:gd name="connsiteX1323" fmla="*/ 2025835 w 6858000"/>
              <a:gd name="connsiteY1323" fmla="*/ 4476724 h 6858000"/>
              <a:gd name="connsiteX1324" fmla="*/ 1896704 w 6858000"/>
              <a:gd name="connsiteY1324" fmla="*/ 4476243 h 6858000"/>
              <a:gd name="connsiteX1325" fmla="*/ 1896704 w 6858000"/>
              <a:gd name="connsiteY1325" fmla="*/ 4482761 h 6858000"/>
              <a:gd name="connsiteX1326" fmla="*/ 1903222 w 6858000"/>
              <a:gd name="connsiteY1326" fmla="*/ 4482761 h 6858000"/>
              <a:gd name="connsiteX1327" fmla="*/ 1903222 w 6858000"/>
              <a:gd name="connsiteY1327" fmla="*/ 4476243 h 6858000"/>
              <a:gd name="connsiteX1328" fmla="*/ 1773425 w 6858000"/>
              <a:gd name="connsiteY1328" fmla="*/ 4476021 h 6858000"/>
              <a:gd name="connsiteX1329" fmla="*/ 1773425 w 6858000"/>
              <a:gd name="connsiteY1329" fmla="*/ 4482983 h 6858000"/>
              <a:gd name="connsiteX1330" fmla="*/ 1780387 w 6858000"/>
              <a:gd name="connsiteY1330" fmla="*/ 4482983 h 6858000"/>
              <a:gd name="connsiteX1331" fmla="*/ 1780387 w 6858000"/>
              <a:gd name="connsiteY1331" fmla="*/ 4476021 h 6858000"/>
              <a:gd name="connsiteX1332" fmla="*/ 1650182 w 6858000"/>
              <a:gd name="connsiteY1332" fmla="*/ 4475836 h 6858000"/>
              <a:gd name="connsiteX1333" fmla="*/ 1650182 w 6858000"/>
              <a:gd name="connsiteY1333" fmla="*/ 4483205 h 6858000"/>
              <a:gd name="connsiteX1334" fmla="*/ 1657551 w 6858000"/>
              <a:gd name="connsiteY1334" fmla="*/ 4483205 h 6858000"/>
              <a:gd name="connsiteX1335" fmla="*/ 1657551 w 6858000"/>
              <a:gd name="connsiteY1335" fmla="*/ 4475836 h 6858000"/>
              <a:gd name="connsiteX1336" fmla="*/ 1526903 w 6858000"/>
              <a:gd name="connsiteY1336" fmla="*/ 4475613 h 6858000"/>
              <a:gd name="connsiteX1337" fmla="*/ 1526903 w 6858000"/>
              <a:gd name="connsiteY1337" fmla="*/ 4483427 h 6858000"/>
              <a:gd name="connsiteX1338" fmla="*/ 1534717 w 6858000"/>
              <a:gd name="connsiteY1338" fmla="*/ 4483427 h 6858000"/>
              <a:gd name="connsiteX1339" fmla="*/ 1534717 w 6858000"/>
              <a:gd name="connsiteY1339" fmla="*/ 4475613 h 6858000"/>
              <a:gd name="connsiteX1340" fmla="*/ 1403623 w 6858000"/>
              <a:gd name="connsiteY1340" fmla="*/ 4475391 h 6858000"/>
              <a:gd name="connsiteX1341" fmla="*/ 1403623 w 6858000"/>
              <a:gd name="connsiteY1341" fmla="*/ 4483649 h 6858000"/>
              <a:gd name="connsiteX1342" fmla="*/ 1411881 w 6858000"/>
              <a:gd name="connsiteY1342" fmla="*/ 4483649 h 6858000"/>
              <a:gd name="connsiteX1343" fmla="*/ 1411881 w 6858000"/>
              <a:gd name="connsiteY1343" fmla="*/ 4475391 h 6858000"/>
              <a:gd name="connsiteX1344" fmla="*/ 1280344 w 6858000"/>
              <a:gd name="connsiteY1344" fmla="*/ 4475169 h 6858000"/>
              <a:gd name="connsiteX1345" fmla="*/ 1280344 w 6858000"/>
              <a:gd name="connsiteY1345" fmla="*/ 4483872 h 6858000"/>
              <a:gd name="connsiteX1346" fmla="*/ 1289047 w 6858000"/>
              <a:gd name="connsiteY1346" fmla="*/ 4483872 h 6858000"/>
              <a:gd name="connsiteX1347" fmla="*/ 1289047 w 6858000"/>
              <a:gd name="connsiteY1347" fmla="*/ 4475169 h 6858000"/>
              <a:gd name="connsiteX1348" fmla="*/ 1157064 w 6858000"/>
              <a:gd name="connsiteY1348" fmla="*/ 4474984 h 6858000"/>
              <a:gd name="connsiteX1349" fmla="*/ 1157064 w 6858000"/>
              <a:gd name="connsiteY1349" fmla="*/ 4484094 h 6858000"/>
              <a:gd name="connsiteX1350" fmla="*/ 1166174 w 6858000"/>
              <a:gd name="connsiteY1350" fmla="*/ 4484094 h 6858000"/>
              <a:gd name="connsiteX1351" fmla="*/ 1166174 w 6858000"/>
              <a:gd name="connsiteY1351" fmla="*/ 4474984 h 6858000"/>
              <a:gd name="connsiteX1352" fmla="*/ 1034007 w 6858000"/>
              <a:gd name="connsiteY1352" fmla="*/ 4474984 h 6858000"/>
              <a:gd name="connsiteX1353" fmla="*/ 1034007 w 6858000"/>
              <a:gd name="connsiteY1353" fmla="*/ 4484094 h 6858000"/>
              <a:gd name="connsiteX1354" fmla="*/ 1043117 w 6858000"/>
              <a:gd name="connsiteY1354" fmla="*/ 4484094 h 6858000"/>
              <a:gd name="connsiteX1355" fmla="*/ 1043117 w 6858000"/>
              <a:gd name="connsiteY1355" fmla="*/ 4474984 h 6858000"/>
              <a:gd name="connsiteX1356" fmla="*/ 910727 w 6858000"/>
              <a:gd name="connsiteY1356" fmla="*/ 4474725 h 6858000"/>
              <a:gd name="connsiteX1357" fmla="*/ 910727 w 6858000"/>
              <a:gd name="connsiteY1357" fmla="*/ 4484279 h 6858000"/>
              <a:gd name="connsiteX1358" fmla="*/ 920281 w 6858000"/>
              <a:gd name="connsiteY1358" fmla="*/ 4484279 h 6858000"/>
              <a:gd name="connsiteX1359" fmla="*/ 920281 w 6858000"/>
              <a:gd name="connsiteY1359" fmla="*/ 4474725 h 6858000"/>
              <a:gd name="connsiteX1360" fmla="*/ 787670 w 6858000"/>
              <a:gd name="connsiteY1360" fmla="*/ 4474725 h 6858000"/>
              <a:gd name="connsiteX1361" fmla="*/ 787670 w 6858000"/>
              <a:gd name="connsiteY1361" fmla="*/ 4484279 h 6858000"/>
              <a:gd name="connsiteX1362" fmla="*/ 797224 w 6858000"/>
              <a:gd name="connsiteY1362" fmla="*/ 4484279 h 6858000"/>
              <a:gd name="connsiteX1363" fmla="*/ 797224 w 6858000"/>
              <a:gd name="connsiteY1363" fmla="*/ 4474725 h 6858000"/>
              <a:gd name="connsiteX1364" fmla="*/ 664613 w 6858000"/>
              <a:gd name="connsiteY1364" fmla="*/ 4474725 h 6858000"/>
              <a:gd name="connsiteX1365" fmla="*/ 664613 w 6858000"/>
              <a:gd name="connsiteY1365" fmla="*/ 4484279 h 6858000"/>
              <a:gd name="connsiteX1366" fmla="*/ 674167 w 6858000"/>
              <a:gd name="connsiteY1366" fmla="*/ 4484279 h 6858000"/>
              <a:gd name="connsiteX1367" fmla="*/ 674167 w 6858000"/>
              <a:gd name="connsiteY1367" fmla="*/ 4474725 h 6858000"/>
              <a:gd name="connsiteX1368" fmla="*/ 541333 w 6858000"/>
              <a:gd name="connsiteY1368" fmla="*/ 4474502 h 6858000"/>
              <a:gd name="connsiteX1369" fmla="*/ 541333 w 6858000"/>
              <a:gd name="connsiteY1369" fmla="*/ 4484501 h 6858000"/>
              <a:gd name="connsiteX1370" fmla="*/ 551332 w 6858000"/>
              <a:gd name="connsiteY1370" fmla="*/ 4484501 h 6858000"/>
              <a:gd name="connsiteX1371" fmla="*/ 551332 w 6858000"/>
              <a:gd name="connsiteY1371" fmla="*/ 4474502 h 6858000"/>
              <a:gd name="connsiteX1372" fmla="*/ 418276 w 6858000"/>
              <a:gd name="connsiteY1372" fmla="*/ 4474502 h 6858000"/>
              <a:gd name="connsiteX1373" fmla="*/ 418276 w 6858000"/>
              <a:gd name="connsiteY1373" fmla="*/ 4484501 h 6858000"/>
              <a:gd name="connsiteX1374" fmla="*/ 428275 w 6858000"/>
              <a:gd name="connsiteY1374" fmla="*/ 4484501 h 6858000"/>
              <a:gd name="connsiteX1375" fmla="*/ 428275 w 6858000"/>
              <a:gd name="connsiteY1375" fmla="*/ 4474502 h 6858000"/>
              <a:gd name="connsiteX1376" fmla="*/ 294996 w 6858000"/>
              <a:gd name="connsiteY1376" fmla="*/ 4474317 h 6858000"/>
              <a:gd name="connsiteX1377" fmla="*/ 294996 w 6858000"/>
              <a:gd name="connsiteY1377" fmla="*/ 4484723 h 6858000"/>
              <a:gd name="connsiteX1378" fmla="*/ 305402 w 6858000"/>
              <a:gd name="connsiteY1378" fmla="*/ 4484723 h 6858000"/>
              <a:gd name="connsiteX1379" fmla="*/ 305402 w 6858000"/>
              <a:gd name="connsiteY1379" fmla="*/ 4474317 h 6858000"/>
              <a:gd name="connsiteX1380" fmla="*/ 171939 w 6858000"/>
              <a:gd name="connsiteY1380" fmla="*/ 4474317 h 6858000"/>
              <a:gd name="connsiteX1381" fmla="*/ 171939 w 6858000"/>
              <a:gd name="connsiteY1381" fmla="*/ 4484723 h 6858000"/>
              <a:gd name="connsiteX1382" fmla="*/ 182345 w 6858000"/>
              <a:gd name="connsiteY1382" fmla="*/ 4484723 h 6858000"/>
              <a:gd name="connsiteX1383" fmla="*/ 182345 w 6858000"/>
              <a:gd name="connsiteY1383" fmla="*/ 4474317 h 6858000"/>
              <a:gd name="connsiteX1384" fmla="*/ 48845 w 6858000"/>
              <a:gd name="connsiteY1384" fmla="*/ 4474317 h 6858000"/>
              <a:gd name="connsiteX1385" fmla="*/ 48845 w 6858000"/>
              <a:gd name="connsiteY1385" fmla="*/ 4484723 h 6858000"/>
              <a:gd name="connsiteX1386" fmla="*/ 59251 w 6858000"/>
              <a:gd name="connsiteY1386" fmla="*/ 4484723 h 6858000"/>
              <a:gd name="connsiteX1387" fmla="*/ 59251 w 6858000"/>
              <a:gd name="connsiteY1387" fmla="*/ 4474317 h 6858000"/>
              <a:gd name="connsiteX1388" fmla="*/ 4484019 w 6858000"/>
              <a:gd name="connsiteY1388" fmla="*/ 4356223 h 6858000"/>
              <a:gd name="connsiteX1389" fmla="*/ 4484019 w 6858000"/>
              <a:gd name="connsiteY1389" fmla="*/ 4356667 h 6858000"/>
              <a:gd name="connsiteX1390" fmla="*/ 4484463 w 6858000"/>
              <a:gd name="connsiteY1390" fmla="*/ 4356667 h 6858000"/>
              <a:gd name="connsiteX1391" fmla="*/ 4484463 w 6858000"/>
              <a:gd name="connsiteY1391" fmla="*/ 4356223 h 6858000"/>
              <a:gd name="connsiteX1392" fmla="*/ 4360961 w 6858000"/>
              <a:gd name="connsiteY1392" fmla="*/ 4356223 h 6858000"/>
              <a:gd name="connsiteX1393" fmla="*/ 4360961 w 6858000"/>
              <a:gd name="connsiteY1393" fmla="*/ 4356667 h 6858000"/>
              <a:gd name="connsiteX1394" fmla="*/ 4361405 w 6858000"/>
              <a:gd name="connsiteY1394" fmla="*/ 4356667 h 6858000"/>
              <a:gd name="connsiteX1395" fmla="*/ 4361405 w 6858000"/>
              <a:gd name="connsiteY1395" fmla="*/ 4356223 h 6858000"/>
              <a:gd name="connsiteX1396" fmla="*/ 4237904 w 6858000"/>
              <a:gd name="connsiteY1396" fmla="*/ 4356223 h 6858000"/>
              <a:gd name="connsiteX1397" fmla="*/ 4237904 w 6858000"/>
              <a:gd name="connsiteY1397" fmla="*/ 4356667 h 6858000"/>
              <a:gd name="connsiteX1398" fmla="*/ 4238348 w 6858000"/>
              <a:gd name="connsiteY1398" fmla="*/ 4356667 h 6858000"/>
              <a:gd name="connsiteX1399" fmla="*/ 4238348 w 6858000"/>
              <a:gd name="connsiteY1399" fmla="*/ 4356223 h 6858000"/>
              <a:gd name="connsiteX1400" fmla="*/ 4114847 w 6858000"/>
              <a:gd name="connsiteY1400" fmla="*/ 4356223 h 6858000"/>
              <a:gd name="connsiteX1401" fmla="*/ 4114847 w 6858000"/>
              <a:gd name="connsiteY1401" fmla="*/ 4356667 h 6858000"/>
              <a:gd name="connsiteX1402" fmla="*/ 4115291 w 6858000"/>
              <a:gd name="connsiteY1402" fmla="*/ 4356667 h 6858000"/>
              <a:gd name="connsiteX1403" fmla="*/ 4115291 w 6858000"/>
              <a:gd name="connsiteY1403" fmla="*/ 4356223 h 6858000"/>
              <a:gd name="connsiteX1404" fmla="*/ 3991789 w 6858000"/>
              <a:gd name="connsiteY1404" fmla="*/ 4356223 h 6858000"/>
              <a:gd name="connsiteX1405" fmla="*/ 3991789 w 6858000"/>
              <a:gd name="connsiteY1405" fmla="*/ 4356667 h 6858000"/>
              <a:gd name="connsiteX1406" fmla="*/ 3992234 w 6858000"/>
              <a:gd name="connsiteY1406" fmla="*/ 4356667 h 6858000"/>
              <a:gd name="connsiteX1407" fmla="*/ 3992234 w 6858000"/>
              <a:gd name="connsiteY1407" fmla="*/ 4356223 h 6858000"/>
              <a:gd name="connsiteX1408" fmla="*/ 3868732 w 6858000"/>
              <a:gd name="connsiteY1408" fmla="*/ 4356223 h 6858000"/>
              <a:gd name="connsiteX1409" fmla="*/ 3868732 w 6858000"/>
              <a:gd name="connsiteY1409" fmla="*/ 4356667 h 6858000"/>
              <a:gd name="connsiteX1410" fmla="*/ 3869176 w 6858000"/>
              <a:gd name="connsiteY1410" fmla="*/ 4356667 h 6858000"/>
              <a:gd name="connsiteX1411" fmla="*/ 3869176 w 6858000"/>
              <a:gd name="connsiteY1411" fmla="*/ 4356223 h 6858000"/>
              <a:gd name="connsiteX1412" fmla="*/ 3745675 w 6858000"/>
              <a:gd name="connsiteY1412" fmla="*/ 4356223 h 6858000"/>
              <a:gd name="connsiteX1413" fmla="*/ 3745675 w 6858000"/>
              <a:gd name="connsiteY1413" fmla="*/ 4356667 h 6858000"/>
              <a:gd name="connsiteX1414" fmla="*/ 3746119 w 6858000"/>
              <a:gd name="connsiteY1414" fmla="*/ 4356667 h 6858000"/>
              <a:gd name="connsiteX1415" fmla="*/ 3746119 w 6858000"/>
              <a:gd name="connsiteY1415" fmla="*/ 4356223 h 6858000"/>
              <a:gd name="connsiteX1416" fmla="*/ 3622617 w 6858000"/>
              <a:gd name="connsiteY1416" fmla="*/ 4356223 h 6858000"/>
              <a:gd name="connsiteX1417" fmla="*/ 3622617 w 6858000"/>
              <a:gd name="connsiteY1417" fmla="*/ 4356667 h 6858000"/>
              <a:gd name="connsiteX1418" fmla="*/ 3623061 w 6858000"/>
              <a:gd name="connsiteY1418" fmla="*/ 4356667 h 6858000"/>
              <a:gd name="connsiteX1419" fmla="*/ 3623061 w 6858000"/>
              <a:gd name="connsiteY1419" fmla="*/ 4356223 h 6858000"/>
              <a:gd name="connsiteX1420" fmla="*/ 3499338 w 6858000"/>
              <a:gd name="connsiteY1420" fmla="*/ 4356037 h 6858000"/>
              <a:gd name="connsiteX1421" fmla="*/ 3499338 w 6858000"/>
              <a:gd name="connsiteY1421" fmla="*/ 4356889 h 6858000"/>
              <a:gd name="connsiteX1422" fmla="*/ 3500190 w 6858000"/>
              <a:gd name="connsiteY1422" fmla="*/ 4356889 h 6858000"/>
              <a:gd name="connsiteX1423" fmla="*/ 3500190 w 6858000"/>
              <a:gd name="connsiteY1423" fmla="*/ 4356037 h 6858000"/>
              <a:gd name="connsiteX1424" fmla="*/ 3376281 w 6858000"/>
              <a:gd name="connsiteY1424" fmla="*/ 4356037 h 6858000"/>
              <a:gd name="connsiteX1425" fmla="*/ 3376281 w 6858000"/>
              <a:gd name="connsiteY1425" fmla="*/ 4356889 h 6858000"/>
              <a:gd name="connsiteX1426" fmla="*/ 3377133 w 6858000"/>
              <a:gd name="connsiteY1426" fmla="*/ 4356889 h 6858000"/>
              <a:gd name="connsiteX1427" fmla="*/ 3377133 w 6858000"/>
              <a:gd name="connsiteY1427" fmla="*/ 4356037 h 6858000"/>
              <a:gd name="connsiteX1428" fmla="*/ 3253001 w 6858000"/>
              <a:gd name="connsiteY1428" fmla="*/ 4355815 h 6858000"/>
              <a:gd name="connsiteX1429" fmla="*/ 3253001 w 6858000"/>
              <a:gd name="connsiteY1429" fmla="*/ 4357111 h 6858000"/>
              <a:gd name="connsiteX1430" fmla="*/ 3254297 w 6858000"/>
              <a:gd name="connsiteY1430" fmla="*/ 4357111 h 6858000"/>
              <a:gd name="connsiteX1431" fmla="*/ 3254297 w 6858000"/>
              <a:gd name="connsiteY1431" fmla="*/ 4355815 h 6858000"/>
              <a:gd name="connsiteX1432" fmla="*/ 3129722 w 6858000"/>
              <a:gd name="connsiteY1432" fmla="*/ 4355593 h 6858000"/>
              <a:gd name="connsiteX1433" fmla="*/ 3129722 w 6858000"/>
              <a:gd name="connsiteY1433" fmla="*/ 4357333 h 6858000"/>
              <a:gd name="connsiteX1434" fmla="*/ 3131462 w 6858000"/>
              <a:gd name="connsiteY1434" fmla="*/ 4357333 h 6858000"/>
              <a:gd name="connsiteX1435" fmla="*/ 3131462 w 6858000"/>
              <a:gd name="connsiteY1435" fmla="*/ 4355593 h 6858000"/>
              <a:gd name="connsiteX1436" fmla="*/ 3006442 w 6858000"/>
              <a:gd name="connsiteY1436" fmla="*/ 4355370 h 6858000"/>
              <a:gd name="connsiteX1437" fmla="*/ 3006442 w 6858000"/>
              <a:gd name="connsiteY1437" fmla="*/ 4357555 h 6858000"/>
              <a:gd name="connsiteX1438" fmla="*/ 3008627 w 6858000"/>
              <a:gd name="connsiteY1438" fmla="*/ 4357555 h 6858000"/>
              <a:gd name="connsiteX1439" fmla="*/ 3008627 w 6858000"/>
              <a:gd name="connsiteY1439" fmla="*/ 4355370 h 6858000"/>
              <a:gd name="connsiteX1440" fmla="*/ 2883163 w 6858000"/>
              <a:gd name="connsiteY1440" fmla="*/ 4355149 h 6858000"/>
              <a:gd name="connsiteX1441" fmla="*/ 2883163 w 6858000"/>
              <a:gd name="connsiteY1441" fmla="*/ 4357741 h 6858000"/>
              <a:gd name="connsiteX1442" fmla="*/ 2885755 w 6858000"/>
              <a:gd name="connsiteY1442" fmla="*/ 4357741 h 6858000"/>
              <a:gd name="connsiteX1443" fmla="*/ 2885755 w 6858000"/>
              <a:gd name="connsiteY1443" fmla="*/ 4355149 h 6858000"/>
              <a:gd name="connsiteX1444" fmla="*/ 2759883 w 6858000"/>
              <a:gd name="connsiteY1444" fmla="*/ 4354926 h 6858000"/>
              <a:gd name="connsiteX1445" fmla="*/ 2759883 w 6858000"/>
              <a:gd name="connsiteY1445" fmla="*/ 4357963 h 6858000"/>
              <a:gd name="connsiteX1446" fmla="*/ 2762920 w 6858000"/>
              <a:gd name="connsiteY1446" fmla="*/ 4357963 h 6858000"/>
              <a:gd name="connsiteX1447" fmla="*/ 2762920 w 6858000"/>
              <a:gd name="connsiteY1447" fmla="*/ 4354926 h 6858000"/>
              <a:gd name="connsiteX1448" fmla="*/ 2636604 w 6858000"/>
              <a:gd name="connsiteY1448" fmla="*/ 4354704 h 6858000"/>
              <a:gd name="connsiteX1449" fmla="*/ 2636604 w 6858000"/>
              <a:gd name="connsiteY1449" fmla="*/ 4358185 h 6858000"/>
              <a:gd name="connsiteX1450" fmla="*/ 2640085 w 6858000"/>
              <a:gd name="connsiteY1450" fmla="*/ 4358185 h 6858000"/>
              <a:gd name="connsiteX1451" fmla="*/ 2640085 w 6858000"/>
              <a:gd name="connsiteY1451" fmla="*/ 4354704 h 6858000"/>
              <a:gd name="connsiteX1452" fmla="*/ 2513102 w 6858000"/>
              <a:gd name="connsiteY1452" fmla="*/ 4354296 h 6858000"/>
              <a:gd name="connsiteX1453" fmla="*/ 2513102 w 6858000"/>
              <a:gd name="connsiteY1453" fmla="*/ 4358629 h 6858000"/>
              <a:gd name="connsiteX1454" fmla="*/ 2517435 w 6858000"/>
              <a:gd name="connsiteY1454" fmla="*/ 4358629 h 6858000"/>
              <a:gd name="connsiteX1455" fmla="*/ 2517435 w 6858000"/>
              <a:gd name="connsiteY1455" fmla="*/ 4354296 h 6858000"/>
              <a:gd name="connsiteX1456" fmla="*/ 2389822 w 6858000"/>
              <a:gd name="connsiteY1456" fmla="*/ 4354075 h 6858000"/>
              <a:gd name="connsiteX1457" fmla="*/ 2389822 w 6858000"/>
              <a:gd name="connsiteY1457" fmla="*/ 4358852 h 6858000"/>
              <a:gd name="connsiteX1458" fmla="*/ 2394599 w 6858000"/>
              <a:gd name="connsiteY1458" fmla="*/ 4358852 h 6858000"/>
              <a:gd name="connsiteX1459" fmla="*/ 2394599 w 6858000"/>
              <a:gd name="connsiteY1459" fmla="*/ 4354075 h 6858000"/>
              <a:gd name="connsiteX1460" fmla="*/ 2266321 w 6858000"/>
              <a:gd name="connsiteY1460" fmla="*/ 4353667 h 6858000"/>
              <a:gd name="connsiteX1461" fmla="*/ 2266321 w 6858000"/>
              <a:gd name="connsiteY1461" fmla="*/ 4359296 h 6858000"/>
              <a:gd name="connsiteX1462" fmla="*/ 2271950 w 6858000"/>
              <a:gd name="connsiteY1462" fmla="*/ 4359296 h 6858000"/>
              <a:gd name="connsiteX1463" fmla="*/ 2271950 w 6858000"/>
              <a:gd name="connsiteY1463" fmla="*/ 4353667 h 6858000"/>
              <a:gd name="connsiteX1464" fmla="*/ 2143041 w 6858000"/>
              <a:gd name="connsiteY1464" fmla="*/ 4353408 h 6858000"/>
              <a:gd name="connsiteX1465" fmla="*/ 2143041 w 6858000"/>
              <a:gd name="connsiteY1465" fmla="*/ 4359481 h 6858000"/>
              <a:gd name="connsiteX1466" fmla="*/ 2149114 w 6858000"/>
              <a:gd name="connsiteY1466" fmla="*/ 4359481 h 6858000"/>
              <a:gd name="connsiteX1467" fmla="*/ 2149114 w 6858000"/>
              <a:gd name="connsiteY1467" fmla="*/ 4353408 h 6858000"/>
              <a:gd name="connsiteX1468" fmla="*/ 2019576 w 6858000"/>
              <a:gd name="connsiteY1468" fmla="*/ 4352963 h 6858000"/>
              <a:gd name="connsiteX1469" fmla="*/ 2019576 w 6858000"/>
              <a:gd name="connsiteY1469" fmla="*/ 4359925 h 6858000"/>
              <a:gd name="connsiteX1470" fmla="*/ 2026538 w 6858000"/>
              <a:gd name="connsiteY1470" fmla="*/ 4359925 h 6858000"/>
              <a:gd name="connsiteX1471" fmla="*/ 2026538 w 6858000"/>
              <a:gd name="connsiteY1471" fmla="*/ 4352963 h 6858000"/>
              <a:gd name="connsiteX1472" fmla="*/ 1896075 w 6858000"/>
              <a:gd name="connsiteY1472" fmla="*/ 4352556 h 6858000"/>
              <a:gd name="connsiteX1473" fmla="*/ 1896075 w 6858000"/>
              <a:gd name="connsiteY1473" fmla="*/ 4360370 h 6858000"/>
              <a:gd name="connsiteX1474" fmla="*/ 1903889 w 6858000"/>
              <a:gd name="connsiteY1474" fmla="*/ 4360370 h 6858000"/>
              <a:gd name="connsiteX1475" fmla="*/ 1903889 w 6858000"/>
              <a:gd name="connsiteY1475" fmla="*/ 4352556 h 6858000"/>
              <a:gd name="connsiteX1476" fmla="*/ 1772795 w 6858000"/>
              <a:gd name="connsiteY1476" fmla="*/ 4352334 h 6858000"/>
              <a:gd name="connsiteX1477" fmla="*/ 1772795 w 6858000"/>
              <a:gd name="connsiteY1477" fmla="*/ 4360592 h 6858000"/>
              <a:gd name="connsiteX1478" fmla="*/ 1781053 w 6858000"/>
              <a:gd name="connsiteY1478" fmla="*/ 4360592 h 6858000"/>
              <a:gd name="connsiteX1479" fmla="*/ 1781053 w 6858000"/>
              <a:gd name="connsiteY1479" fmla="*/ 4352334 h 6858000"/>
              <a:gd name="connsiteX1480" fmla="*/ 1649294 w 6858000"/>
              <a:gd name="connsiteY1480" fmla="*/ 4351889 h 6858000"/>
              <a:gd name="connsiteX1481" fmla="*/ 1649294 w 6858000"/>
              <a:gd name="connsiteY1481" fmla="*/ 4360999 h 6858000"/>
              <a:gd name="connsiteX1482" fmla="*/ 1658404 w 6858000"/>
              <a:gd name="connsiteY1482" fmla="*/ 4360999 h 6858000"/>
              <a:gd name="connsiteX1483" fmla="*/ 1658404 w 6858000"/>
              <a:gd name="connsiteY1483" fmla="*/ 4351889 h 6858000"/>
              <a:gd name="connsiteX1484" fmla="*/ 1526014 w 6858000"/>
              <a:gd name="connsiteY1484" fmla="*/ 4351668 h 6858000"/>
              <a:gd name="connsiteX1485" fmla="*/ 1526014 w 6858000"/>
              <a:gd name="connsiteY1485" fmla="*/ 4361222 h 6858000"/>
              <a:gd name="connsiteX1486" fmla="*/ 1535568 w 6858000"/>
              <a:gd name="connsiteY1486" fmla="*/ 4361222 h 6858000"/>
              <a:gd name="connsiteX1487" fmla="*/ 1535568 w 6858000"/>
              <a:gd name="connsiteY1487" fmla="*/ 4351668 h 6858000"/>
              <a:gd name="connsiteX1488" fmla="*/ 1402512 w 6858000"/>
              <a:gd name="connsiteY1488" fmla="*/ 4351260 h 6858000"/>
              <a:gd name="connsiteX1489" fmla="*/ 1402512 w 6858000"/>
              <a:gd name="connsiteY1489" fmla="*/ 4361666 h 6858000"/>
              <a:gd name="connsiteX1490" fmla="*/ 1412918 w 6858000"/>
              <a:gd name="connsiteY1490" fmla="*/ 4361666 h 6858000"/>
              <a:gd name="connsiteX1491" fmla="*/ 1412918 w 6858000"/>
              <a:gd name="connsiteY1491" fmla="*/ 4351260 h 6858000"/>
              <a:gd name="connsiteX1492" fmla="*/ 1279233 w 6858000"/>
              <a:gd name="connsiteY1492" fmla="*/ 4351038 h 6858000"/>
              <a:gd name="connsiteX1493" fmla="*/ 1279233 w 6858000"/>
              <a:gd name="connsiteY1493" fmla="*/ 4361888 h 6858000"/>
              <a:gd name="connsiteX1494" fmla="*/ 1290083 w 6858000"/>
              <a:gd name="connsiteY1494" fmla="*/ 4361888 h 6858000"/>
              <a:gd name="connsiteX1495" fmla="*/ 1290083 w 6858000"/>
              <a:gd name="connsiteY1495" fmla="*/ 4351038 h 6858000"/>
              <a:gd name="connsiteX1496" fmla="*/ 1155953 w 6858000"/>
              <a:gd name="connsiteY1496" fmla="*/ 4350815 h 6858000"/>
              <a:gd name="connsiteX1497" fmla="*/ 1155953 w 6858000"/>
              <a:gd name="connsiteY1497" fmla="*/ 4362110 h 6858000"/>
              <a:gd name="connsiteX1498" fmla="*/ 1167248 w 6858000"/>
              <a:gd name="connsiteY1498" fmla="*/ 4362110 h 6858000"/>
              <a:gd name="connsiteX1499" fmla="*/ 1167248 w 6858000"/>
              <a:gd name="connsiteY1499" fmla="*/ 4350815 h 6858000"/>
              <a:gd name="connsiteX1500" fmla="*/ 1032674 w 6858000"/>
              <a:gd name="connsiteY1500" fmla="*/ 4350594 h 6858000"/>
              <a:gd name="connsiteX1501" fmla="*/ 1032674 w 6858000"/>
              <a:gd name="connsiteY1501" fmla="*/ 4362333 h 6858000"/>
              <a:gd name="connsiteX1502" fmla="*/ 1044413 w 6858000"/>
              <a:gd name="connsiteY1502" fmla="*/ 4362333 h 6858000"/>
              <a:gd name="connsiteX1503" fmla="*/ 1044413 w 6858000"/>
              <a:gd name="connsiteY1503" fmla="*/ 4350594 h 6858000"/>
              <a:gd name="connsiteX1504" fmla="*/ 909431 w 6858000"/>
              <a:gd name="connsiteY1504" fmla="*/ 4350372 h 6858000"/>
              <a:gd name="connsiteX1505" fmla="*/ 909431 w 6858000"/>
              <a:gd name="connsiteY1505" fmla="*/ 4362518 h 6858000"/>
              <a:gd name="connsiteX1506" fmla="*/ 921577 w 6858000"/>
              <a:gd name="connsiteY1506" fmla="*/ 4362518 h 6858000"/>
              <a:gd name="connsiteX1507" fmla="*/ 921577 w 6858000"/>
              <a:gd name="connsiteY1507" fmla="*/ 4350372 h 6858000"/>
              <a:gd name="connsiteX1508" fmla="*/ 786337 w 6858000"/>
              <a:gd name="connsiteY1508" fmla="*/ 4350372 h 6858000"/>
              <a:gd name="connsiteX1509" fmla="*/ 786337 w 6858000"/>
              <a:gd name="connsiteY1509" fmla="*/ 4362518 h 6858000"/>
              <a:gd name="connsiteX1510" fmla="*/ 798483 w 6858000"/>
              <a:gd name="connsiteY1510" fmla="*/ 4362518 h 6858000"/>
              <a:gd name="connsiteX1511" fmla="*/ 798483 w 6858000"/>
              <a:gd name="connsiteY1511" fmla="*/ 4350372 h 6858000"/>
              <a:gd name="connsiteX1512" fmla="*/ 663094 w 6858000"/>
              <a:gd name="connsiteY1512" fmla="*/ 4350149 h 6858000"/>
              <a:gd name="connsiteX1513" fmla="*/ 663094 w 6858000"/>
              <a:gd name="connsiteY1513" fmla="*/ 4362740 h 6858000"/>
              <a:gd name="connsiteX1514" fmla="*/ 675685 w 6858000"/>
              <a:gd name="connsiteY1514" fmla="*/ 4362740 h 6858000"/>
              <a:gd name="connsiteX1515" fmla="*/ 675685 w 6858000"/>
              <a:gd name="connsiteY1515" fmla="*/ 4350149 h 6858000"/>
              <a:gd name="connsiteX1516" fmla="*/ 539815 w 6858000"/>
              <a:gd name="connsiteY1516" fmla="*/ 4349927 h 6858000"/>
              <a:gd name="connsiteX1517" fmla="*/ 539815 w 6858000"/>
              <a:gd name="connsiteY1517" fmla="*/ 4362962 h 6858000"/>
              <a:gd name="connsiteX1518" fmla="*/ 552850 w 6858000"/>
              <a:gd name="connsiteY1518" fmla="*/ 4362962 h 6858000"/>
              <a:gd name="connsiteX1519" fmla="*/ 552850 w 6858000"/>
              <a:gd name="connsiteY1519" fmla="*/ 4349927 h 6858000"/>
              <a:gd name="connsiteX1520" fmla="*/ 416758 w 6858000"/>
              <a:gd name="connsiteY1520" fmla="*/ 4349927 h 6858000"/>
              <a:gd name="connsiteX1521" fmla="*/ 416758 w 6858000"/>
              <a:gd name="connsiteY1521" fmla="*/ 4362962 h 6858000"/>
              <a:gd name="connsiteX1522" fmla="*/ 429793 w 6858000"/>
              <a:gd name="connsiteY1522" fmla="*/ 4362962 h 6858000"/>
              <a:gd name="connsiteX1523" fmla="*/ 429793 w 6858000"/>
              <a:gd name="connsiteY1523" fmla="*/ 4349927 h 6858000"/>
              <a:gd name="connsiteX1524" fmla="*/ 293478 w 6858000"/>
              <a:gd name="connsiteY1524" fmla="*/ 4349704 h 6858000"/>
              <a:gd name="connsiteX1525" fmla="*/ 293478 w 6858000"/>
              <a:gd name="connsiteY1525" fmla="*/ 4363184 h 6858000"/>
              <a:gd name="connsiteX1526" fmla="*/ 306958 w 6858000"/>
              <a:gd name="connsiteY1526" fmla="*/ 4363184 h 6858000"/>
              <a:gd name="connsiteX1527" fmla="*/ 306958 w 6858000"/>
              <a:gd name="connsiteY1527" fmla="*/ 4349704 h 6858000"/>
              <a:gd name="connsiteX1528" fmla="*/ 170384 w 6858000"/>
              <a:gd name="connsiteY1528" fmla="*/ 4349704 h 6858000"/>
              <a:gd name="connsiteX1529" fmla="*/ 170384 w 6858000"/>
              <a:gd name="connsiteY1529" fmla="*/ 4363184 h 6858000"/>
              <a:gd name="connsiteX1530" fmla="*/ 183864 w 6858000"/>
              <a:gd name="connsiteY1530" fmla="*/ 4363184 h 6858000"/>
              <a:gd name="connsiteX1531" fmla="*/ 183864 w 6858000"/>
              <a:gd name="connsiteY1531" fmla="*/ 4349704 h 6858000"/>
              <a:gd name="connsiteX1532" fmla="*/ 47326 w 6858000"/>
              <a:gd name="connsiteY1532" fmla="*/ 4349704 h 6858000"/>
              <a:gd name="connsiteX1533" fmla="*/ 47326 w 6858000"/>
              <a:gd name="connsiteY1533" fmla="*/ 4363184 h 6858000"/>
              <a:gd name="connsiteX1534" fmla="*/ 60806 w 6858000"/>
              <a:gd name="connsiteY1534" fmla="*/ 4363184 h 6858000"/>
              <a:gd name="connsiteX1535" fmla="*/ 60806 w 6858000"/>
              <a:gd name="connsiteY1535" fmla="*/ 4349704 h 6858000"/>
              <a:gd name="connsiteX1536" fmla="*/ 4484019 w 6858000"/>
              <a:gd name="connsiteY1536" fmla="*/ 4233165 h 6858000"/>
              <a:gd name="connsiteX1537" fmla="*/ 4484019 w 6858000"/>
              <a:gd name="connsiteY1537" fmla="*/ 4233609 h 6858000"/>
              <a:gd name="connsiteX1538" fmla="*/ 4484463 w 6858000"/>
              <a:gd name="connsiteY1538" fmla="*/ 4233609 h 6858000"/>
              <a:gd name="connsiteX1539" fmla="*/ 4484463 w 6858000"/>
              <a:gd name="connsiteY1539" fmla="*/ 4233165 h 6858000"/>
              <a:gd name="connsiteX1540" fmla="*/ 4360961 w 6858000"/>
              <a:gd name="connsiteY1540" fmla="*/ 4233165 h 6858000"/>
              <a:gd name="connsiteX1541" fmla="*/ 4360961 w 6858000"/>
              <a:gd name="connsiteY1541" fmla="*/ 4233609 h 6858000"/>
              <a:gd name="connsiteX1542" fmla="*/ 4361405 w 6858000"/>
              <a:gd name="connsiteY1542" fmla="*/ 4233609 h 6858000"/>
              <a:gd name="connsiteX1543" fmla="*/ 4361405 w 6858000"/>
              <a:gd name="connsiteY1543" fmla="*/ 4233165 h 6858000"/>
              <a:gd name="connsiteX1544" fmla="*/ 4237904 w 6858000"/>
              <a:gd name="connsiteY1544" fmla="*/ 4233165 h 6858000"/>
              <a:gd name="connsiteX1545" fmla="*/ 4237904 w 6858000"/>
              <a:gd name="connsiteY1545" fmla="*/ 4233609 h 6858000"/>
              <a:gd name="connsiteX1546" fmla="*/ 4238348 w 6858000"/>
              <a:gd name="connsiteY1546" fmla="*/ 4233609 h 6858000"/>
              <a:gd name="connsiteX1547" fmla="*/ 4238348 w 6858000"/>
              <a:gd name="connsiteY1547" fmla="*/ 4233165 h 6858000"/>
              <a:gd name="connsiteX1548" fmla="*/ 4114847 w 6858000"/>
              <a:gd name="connsiteY1548" fmla="*/ 4233165 h 6858000"/>
              <a:gd name="connsiteX1549" fmla="*/ 4114847 w 6858000"/>
              <a:gd name="connsiteY1549" fmla="*/ 4233609 h 6858000"/>
              <a:gd name="connsiteX1550" fmla="*/ 4115291 w 6858000"/>
              <a:gd name="connsiteY1550" fmla="*/ 4233609 h 6858000"/>
              <a:gd name="connsiteX1551" fmla="*/ 4115291 w 6858000"/>
              <a:gd name="connsiteY1551" fmla="*/ 4233165 h 6858000"/>
              <a:gd name="connsiteX1552" fmla="*/ 3991789 w 6858000"/>
              <a:gd name="connsiteY1552" fmla="*/ 4233165 h 6858000"/>
              <a:gd name="connsiteX1553" fmla="*/ 3991789 w 6858000"/>
              <a:gd name="connsiteY1553" fmla="*/ 4233609 h 6858000"/>
              <a:gd name="connsiteX1554" fmla="*/ 3992234 w 6858000"/>
              <a:gd name="connsiteY1554" fmla="*/ 4233609 h 6858000"/>
              <a:gd name="connsiteX1555" fmla="*/ 3992234 w 6858000"/>
              <a:gd name="connsiteY1555" fmla="*/ 4233165 h 6858000"/>
              <a:gd name="connsiteX1556" fmla="*/ 3868732 w 6858000"/>
              <a:gd name="connsiteY1556" fmla="*/ 4233165 h 6858000"/>
              <a:gd name="connsiteX1557" fmla="*/ 3868732 w 6858000"/>
              <a:gd name="connsiteY1557" fmla="*/ 4233609 h 6858000"/>
              <a:gd name="connsiteX1558" fmla="*/ 3869176 w 6858000"/>
              <a:gd name="connsiteY1558" fmla="*/ 4233609 h 6858000"/>
              <a:gd name="connsiteX1559" fmla="*/ 3869176 w 6858000"/>
              <a:gd name="connsiteY1559" fmla="*/ 4233165 h 6858000"/>
              <a:gd name="connsiteX1560" fmla="*/ 3745675 w 6858000"/>
              <a:gd name="connsiteY1560" fmla="*/ 4233165 h 6858000"/>
              <a:gd name="connsiteX1561" fmla="*/ 3745675 w 6858000"/>
              <a:gd name="connsiteY1561" fmla="*/ 4233609 h 6858000"/>
              <a:gd name="connsiteX1562" fmla="*/ 3746119 w 6858000"/>
              <a:gd name="connsiteY1562" fmla="*/ 4233609 h 6858000"/>
              <a:gd name="connsiteX1563" fmla="*/ 3746119 w 6858000"/>
              <a:gd name="connsiteY1563" fmla="*/ 4233165 h 6858000"/>
              <a:gd name="connsiteX1564" fmla="*/ 3622395 w 6858000"/>
              <a:gd name="connsiteY1564" fmla="*/ 4232979 h 6858000"/>
              <a:gd name="connsiteX1565" fmla="*/ 3622395 w 6858000"/>
              <a:gd name="connsiteY1565" fmla="*/ 4233831 h 6858000"/>
              <a:gd name="connsiteX1566" fmla="*/ 3623247 w 6858000"/>
              <a:gd name="connsiteY1566" fmla="*/ 4233831 h 6858000"/>
              <a:gd name="connsiteX1567" fmla="*/ 3623247 w 6858000"/>
              <a:gd name="connsiteY1567" fmla="*/ 4232979 h 6858000"/>
              <a:gd name="connsiteX1568" fmla="*/ 3499338 w 6858000"/>
              <a:gd name="connsiteY1568" fmla="*/ 4232979 h 6858000"/>
              <a:gd name="connsiteX1569" fmla="*/ 3499338 w 6858000"/>
              <a:gd name="connsiteY1569" fmla="*/ 4233831 h 6858000"/>
              <a:gd name="connsiteX1570" fmla="*/ 3500190 w 6858000"/>
              <a:gd name="connsiteY1570" fmla="*/ 4233831 h 6858000"/>
              <a:gd name="connsiteX1571" fmla="*/ 3500190 w 6858000"/>
              <a:gd name="connsiteY1571" fmla="*/ 4232979 h 6858000"/>
              <a:gd name="connsiteX1572" fmla="*/ 3376058 w 6858000"/>
              <a:gd name="connsiteY1572" fmla="*/ 4232758 h 6858000"/>
              <a:gd name="connsiteX1573" fmla="*/ 3376058 w 6858000"/>
              <a:gd name="connsiteY1573" fmla="*/ 4234054 h 6858000"/>
              <a:gd name="connsiteX1574" fmla="*/ 3377354 w 6858000"/>
              <a:gd name="connsiteY1574" fmla="*/ 4234054 h 6858000"/>
              <a:gd name="connsiteX1575" fmla="*/ 3377354 w 6858000"/>
              <a:gd name="connsiteY1575" fmla="*/ 4232758 h 6858000"/>
              <a:gd name="connsiteX1576" fmla="*/ 3252779 w 6858000"/>
              <a:gd name="connsiteY1576" fmla="*/ 4232536 h 6858000"/>
              <a:gd name="connsiteX1577" fmla="*/ 3252779 w 6858000"/>
              <a:gd name="connsiteY1577" fmla="*/ 4234276 h 6858000"/>
              <a:gd name="connsiteX1578" fmla="*/ 3254519 w 6858000"/>
              <a:gd name="connsiteY1578" fmla="*/ 4234276 h 6858000"/>
              <a:gd name="connsiteX1579" fmla="*/ 3254519 w 6858000"/>
              <a:gd name="connsiteY1579" fmla="*/ 4232536 h 6858000"/>
              <a:gd name="connsiteX1580" fmla="*/ 3129722 w 6858000"/>
              <a:gd name="connsiteY1580" fmla="*/ 4232536 h 6858000"/>
              <a:gd name="connsiteX1581" fmla="*/ 3129722 w 6858000"/>
              <a:gd name="connsiteY1581" fmla="*/ 4234276 h 6858000"/>
              <a:gd name="connsiteX1582" fmla="*/ 3131462 w 6858000"/>
              <a:gd name="connsiteY1582" fmla="*/ 4234276 h 6858000"/>
              <a:gd name="connsiteX1583" fmla="*/ 3131462 w 6858000"/>
              <a:gd name="connsiteY1583" fmla="*/ 4232536 h 6858000"/>
              <a:gd name="connsiteX1584" fmla="*/ 3006220 w 6858000"/>
              <a:gd name="connsiteY1584" fmla="*/ 4232091 h 6858000"/>
              <a:gd name="connsiteX1585" fmla="*/ 3006220 w 6858000"/>
              <a:gd name="connsiteY1585" fmla="*/ 4234683 h 6858000"/>
              <a:gd name="connsiteX1586" fmla="*/ 3008812 w 6858000"/>
              <a:gd name="connsiteY1586" fmla="*/ 4234683 h 6858000"/>
              <a:gd name="connsiteX1587" fmla="*/ 3008812 w 6858000"/>
              <a:gd name="connsiteY1587" fmla="*/ 4232091 h 6858000"/>
              <a:gd name="connsiteX1588" fmla="*/ 2882940 w 6858000"/>
              <a:gd name="connsiteY1588" fmla="*/ 4231868 h 6858000"/>
              <a:gd name="connsiteX1589" fmla="*/ 2882940 w 6858000"/>
              <a:gd name="connsiteY1589" fmla="*/ 4234905 h 6858000"/>
              <a:gd name="connsiteX1590" fmla="*/ 2885977 w 6858000"/>
              <a:gd name="connsiteY1590" fmla="*/ 4234905 h 6858000"/>
              <a:gd name="connsiteX1591" fmla="*/ 2885977 w 6858000"/>
              <a:gd name="connsiteY1591" fmla="*/ 4231868 h 6858000"/>
              <a:gd name="connsiteX1592" fmla="*/ 2759661 w 6858000"/>
              <a:gd name="connsiteY1592" fmla="*/ 4231647 h 6858000"/>
              <a:gd name="connsiteX1593" fmla="*/ 2759661 w 6858000"/>
              <a:gd name="connsiteY1593" fmla="*/ 4235128 h 6858000"/>
              <a:gd name="connsiteX1594" fmla="*/ 2763142 w 6858000"/>
              <a:gd name="connsiteY1594" fmla="*/ 4235128 h 6858000"/>
              <a:gd name="connsiteX1595" fmla="*/ 2763142 w 6858000"/>
              <a:gd name="connsiteY1595" fmla="*/ 4231647 h 6858000"/>
              <a:gd name="connsiteX1596" fmla="*/ 2636159 w 6858000"/>
              <a:gd name="connsiteY1596" fmla="*/ 4231239 h 6858000"/>
              <a:gd name="connsiteX1597" fmla="*/ 2636159 w 6858000"/>
              <a:gd name="connsiteY1597" fmla="*/ 4235572 h 6858000"/>
              <a:gd name="connsiteX1598" fmla="*/ 2640492 w 6858000"/>
              <a:gd name="connsiteY1598" fmla="*/ 4235572 h 6858000"/>
              <a:gd name="connsiteX1599" fmla="*/ 2640492 w 6858000"/>
              <a:gd name="connsiteY1599" fmla="*/ 4231239 h 6858000"/>
              <a:gd name="connsiteX1600" fmla="*/ 2512880 w 6858000"/>
              <a:gd name="connsiteY1600" fmla="*/ 4231017 h 6858000"/>
              <a:gd name="connsiteX1601" fmla="*/ 2512880 w 6858000"/>
              <a:gd name="connsiteY1601" fmla="*/ 4235794 h 6858000"/>
              <a:gd name="connsiteX1602" fmla="*/ 2517657 w 6858000"/>
              <a:gd name="connsiteY1602" fmla="*/ 4235794 h 6858000"/>
              <a:gd name="connsiteX1603" fmla="*/ 2517657 w 6858000"/>
              <a:gd name="connsiteY1603" fmla="*/ 4231017 h 6858000"/>
              <a:gd name="connsiteX1604" fmla="*/ 2389378 w 6858000"/>
              <a:gd name="connsiteY1604" fmla="*/ 4230573 h 6858000"/>
              <a:gd name="connsiteX1605" fmla="*/ 2389378 w 6858000"/>
              <a:gd name="connsiteY1605" fmla="*/ 4236202 h 6858000"/>
              <a:gd name="connsiteX1606" fmla="*/ 2395007 w 6858000"/>
              <a:gd name="connsiteY1606" fmla="*/ 4236202 h 6858000"/>
              <a:gd name="connsiteX1607" fmla="*/ 2395007 w 6858000"/>
              <a:gd name="connsiteY1607" fmla="*/ 4230573 h 6858000"/>
              <a:gd name="connsiteX1608" fmla="*/ 2265913 w 6858000"/>
              <a:gd name="connsiteY1608" fmla="*/ 4230128 h 6858000"/>
              <a:gd name="connsiteX1609" fmla="*/ 2265913 w 6858000"/>
              <a:gd name="connsiteY1609" fmla="*/ 4236646 h 6858000"/>
              <a:gd name="connsiteX1610" fmla="*/ 2272431 w 6858000"/>
              <a:gd name="connsiteY1610" fmla="*/ 4236646 h 6858000"/>
              <a:gd name="connsiteX1611" fmla="*/ 2272431 w 6858000"/>
              <a:gd name="connsiteY1611" fmla="*/ 4230128 h 6858000"/>
              <a:gd name="connsiteX1612" fmla="*/ 2142412 w 6858000"/>
              <a:gd name="connsiteY1612" fmla="*/ 4229721 h 6858000"/>
              <a:gd name="connsiteX1613" fmla="*/ 2142412 w 6858000"/>
              <a:gd name="connsiteY1613" fmla="*/ 4237090 h 6858000"/>
              <a:gd name="connsiteX1614" fmla="*/ 2149781 w 6858000"/>
              <a:gd name="connsiteY1614" fmla="*/ 4237090 h 6858000"/>
              <a:gd name="connsiteX1615" fmla="*/ 2149781 w 6858000"/>
              <a:gd name="connsiteY1615" fmla="*/ 4229721 h 6858000"/>
              <a:gd name="connsiteX1616" fmla="*/ 2018910 w 6858000"/>
              <a:gd name="connsiteY1616" fmla="*/ 4229277 h 6858000"/>
              <a:gd name="connsiteX1617" fmla="*/ 2018910 w 6858000"/>
              <a:gd name="connsiteY1617" fmla="*/ 4237535 h 6858000"/>
              <a:gd name="connsiteX1618" fmla="*/ 2027168 w 6858000"/>
              <a:gd name="connsiteY1618" fmla="*/ 4237535 h 6858000"/>
              <a:gd name="connsiteX1619" fmla="*/ 2027168 w 6858000"/>
              <a:gd name="connsiteY1619" fmla="*/ 4229277 h 6858000"/>
              <a:gd name="connsiteX1620" fmla="*/ 1895408 w 6858000"/>
              <a:gd name="connsiteY1620" fmla="*/ 4228832 h 6858000"/>
              <a:gd name="connsiteX1621" fmla="*/ 1895408 w 6858000"/>
              <a:gd name="connsiteY1621" fmla="*/ 4237942 h 6858000"/>
              <a:gd name="connsiteX1622" fmla="*/ 1904518 w 6858000"/>
              <a:gd name="connsiteY1622" fmla="*/ 4237942 h 6858000"/>
              <a:gd name="connsiteX1623" fmla="*/ 1904518 w 6858000"/>
              <a:gd name="connsiteY1623" fmla="*/ 4228832 h 6858000"/>
              <a:gd name="connsiteX1624" fmla="*/ 1771906 w 6858000"/>
              <a:gd name="connsiteY1624" fmla="*/ 4228387 h 6858000"/>
              <a:gd name="connsiteX1625" fmla="*/ 1771906 w 6858000"/>
              <a:gd name="connsiteY1625" fmla="*/ 4238386 h 6858000"/>
              <a:gd name="connsiteX1626" fmla="*/ 1781905 w 6858000"/>
              <a:gd name="connsiteY1626" fmla="*/ 4238386 h 6858000"/>
              <a:gd name="connsiteX1627" fmla="*/ 1781905 w 6858000"/>
              <a:gd name="connsiteY1627" fmla="*/ 4228387 h 6858000"/>
              <a:gd name="connsiteX1628" fmla="*/ 1648442 w 6858000"/>
              <a:gd name="connsiteY1628" fmla="*/ 4227981 h 6858000"/>
              <a:gd name="connsiteX1629" fmla="*/ 1648442 w 6858000"/>
              <a:gd name="connsiteY1629" fmla="*/ 4238831 h 6858000"/>
              <a:gd name="connsiteX1630" fmla="*/ 1659292 w 6858000"/>
              <a:gd name="connsiteY1630" fmla="*/ 4238831 h 6858000"/>
              <a:gd name="connsiteX1631" fmla="*/ 1659292 w 6858000"/>
              <a:gd name="connsiteY1631" fmla="*/ 4227981 h 6858000"/>
              <a:gd name="connsiteX1632" fmla="*/ 1524940 w 6858000"/>
              <a:gd name="connsiteY1632" fmla="*/ 4227536 h 6858000"/>
              <a:gd name="connsiteX1633" fmla="*/ 1524940 w 6858000"/>
              <a:gd name="connsiteY1633" fmla="*/ 4239275 h 6858000"/>
              <a:gd name="connsiteX1634" fmla="*/ 1536679 w 6858000"/>
              <a:gd name="connsiteY1634" fmla="*/ 4239275 h 6858000"/>
              <a:gd name="connsiteX1635" fmla="*/ 1536679 w 6858000"/>
              <a:gd name="connsiteY1635" fmla="*/ 4227536 h 6858000"/>
              <a:gd name="connsiteX1636" fmla="*/ 1401438 w 6858000"/>
              <a:gd name="connsiteY1636" fmla="*/ 4227092 h 6858000"/>
              <a:gd name="connsiteX1637" fmla="*/ 1401438 w 6858000"/>
              <a:gd name="connsiteY1637" fmla="*/ 4239683 h 6858000"/>
              <a:gd name="connsiteX1638" fmla="*/ 1414029 w 6858000"/>
              <a:gd name="connsiteY1638" fmla="*/ 4239683 h 6858000"/>
              <a:gd name="connsiteX1639" fmla="*/ 1414029 w 6858000"/>
              <a:gd name="connsiteY1639" fmla="*/ 4227092 h 6858000"/>
              <a:gd name="connsiteX1640" fmla="*/ 1278159 w 6858000"/>
              <a:gd name="connsiteY1640" fmla="*/ 4226870 h 6858000"/>
              <a:gd name="connsiteX1641" fmla="*/ 1278159 w 6858000"/>
              <a:gd name="connsiteY1641" fmla="*/ 4239905 h 6858000"/>
              <a:gd name="connsiteX1642" fmla="*/ 1291194 w 6858000"/>
              <a:gd name="connsiteY1642" fmla="*/ 4239905 h 6858000"/>
              <a:gd name="connsiteX1643" fmla="*/ 1291194 w 6858000"/>
              <a:gd name="connsiteY1643" fmla="*/ 4226870 h 6858000"/>
              <a:gd name="connsiteX1644" fmla="*/ 1154657 w 6858000"/>
              <a:gd name="connsiteY1644" fmla="*/ 4226462 h 6858000"/>
              <a:gd name="connsiteX1645" fmla="*/ 1154657 w 6858000"/>
              <a:gd name="connsiteY1645" fmla="*/ 4240349 h 6858000"/>
              <a:gd name="connsiteX1646" fmla="*/ 1168544 w 6858000"/>
              <a:gd name="connsiteY1646" fmla="*/ 4240349 h 6858000"/>
              <a:gd name="connsiteX1647" fmla="*/ 1168544 w 6858000"/>
              <a:gd name="connsiteY1647" fmla="*/ 4226462 h 6858000"/>
              <a:gd name="connsiteX1648" fmla="*/ 1031378 w 6858000"/>
              <a:gd name="connsiteY1648" fmla="*/ 4226240 h 6858000"/>
              <a:gd name="connsiteX1649" fmla="*/ 1031378 w 6858000"/>
              <a:gd name="connsiteY1649" fmla="*/ 4240571 h 6858000"/>
              <a:gd name="connsiteX1650" fmla="*/ 1045709 w 6858000"/>
              <a:gd name="connsiteY1650" fmla="*/ 4240571 h 6858000"/>
              <a:gd name="connsiteX1651" fmla="*/ 1045709 w 6858000"/>
              <a:gd name="connsiteY1651" fmla="*/ 4226240 h 6858000"/>
              <a:gd name="connsiteX1652" fmla="*/ 908098 w 6858000"/>
              <a:gd name="connsiteY1652" fmla="*/ 4226017 h 6858000"/>
              <a:gd name="connsiteX1653" fmla="*/ 908098 w 6858000"/>
              <a:gd name="connsiteY1653" fmla="*/ 4240793 h 6858000"/>
              <a:gd name="connsiteX1654" fmla="*/ 922874 w 6858000"/>
              <a:gd name="connsiteY1654" fmla="*/ 4240793 h 6858000"/>
              <a:gd name="connsiteX1655" fmla="*/ 922874 w 6858000"/>
              <a:gd name="connsiteY1655" fmla="*/ 4226017 h 6858000"/>
              <a:gd name="connsiteX1656" fmla="*/ 784633 w 6858000"/>
              <a:gd name="connsiteY1656" fmla="*/ 4225573 h 6858000"/>
              <a:gd name="connsiteX1657" fmla="*/ 784633 w 6858000"/>
              <a:gd name="connsiteY1657" fmla="*/ 4241201 h 6858000"/>
              <a:gd name="connsiteX1658" fmla="*/ 800261 w 6858000"/>
              <a:gd name="connsiteY1658" fmla="*/ 4241201 h 6858000"/>
              <a:gd name="connsiteX1659" fmla="*/ 800261 w 6858000"/>
              <a:gd name="connsiteY1659" fmla="*/ 4225573 h 6858000"/>
              <a:gd name="connsiteX1660" fmla="*/ 661539 w 6858000"/>
              <a:gd name="connsiteY1660" fmla="*/ 4225573 h 6858000"/>
              <a:gd name="connsiteX1661" fmla="*/ 661539 w 6858000"/>
              <a:gd name="connsiteY1661" fmla="*/ 4241201 h 6858000"/>
              <a:gd name="connsiteX1662" fmla="*/ 677167 w 6858000"/>
              <a:gd name="connsiteY1662" fmla="*/ 4241201 h 6858000"/>
              <a:gd name="connsiteX1663" fmla="*/ 677167 w 6858000"/>
              <a:gd name="connsiteY1663" fmla="*/ 4225573 h 6858000"/>
              <a:gd name="connsiteX1664" fmla="*/ 538297 w 6858000"/>
              <a:gd name="connsiteY1664" fmla="*/ 4225351 h 6858000"/>
              <a:gd name="connsiteX1665" fmla="*/ 538297 w 6858000"/>
              <a:gd name="connsiteY1665" fmla="*/ 4241423 h 6858000"/>
              <a:gd name="connsiteX1666" fmla="*/ 554369 w 6858000"/>
              <a:gd name="connsiteY1666" fmla="*/ 4241423 h 6858000"/>
              <a:gd name="connsiteX1667" fmla="*/ 554369 w 6858000"/>
              <a:gd name="connsiteY1667" fmla="*/ 4225351 h 6858000"/>
              <a:gd name="connsiteX1668" fmla="*/ 415017 w 6858000"/>
              <a:gd name="connsiteY1668" fmla="*/ 4225129 h 6858000"/>
              <a:gd name="connsiteX1669" fmla="*/ 415017 w 6858000"/>
              <a:gd name="connsiteY1669" fmla="*/ 4241645 h 6858000"/>
              <a:gd name="connsiteX1670" fmla="*/ 431533 w 6858000"/>
              <a:gd name="connsiteY1670" fmla="*/ 4241645 h 6858000"/>
              <a:gd name="connsiteX1671" fmla="*/ 431533 w 6858000"/>
              <a:gd name="connsiteY1671" fmla="*/ 4225129 h 6858000"/>
              <a:gd name="connsiteX1672" fmla="*/ 291738 w 6858000"/>
              <a:gd name="connsiteY1672" fmla="*/ 4224943 h 6858000"/>
              <a:gd name="connsiteX1673" fmla="*/ 291738 w 6858000"/>
              <a:gd name="connsiteY1673" fmla="*/ 4241867 h 6858000"/>
              <a:gd name="connsiteX1674" fmla="*/ 308662 w 6858000"/>
              <a:gd name="connsiteY1674" fmla="*/ 4241867 h 6858000"/>
              <a:gd name="connsiteX1675" fmla="*/ 308662 w 6858000"/>
              <a:gd name="connsiteY1675" fmla="*/ 4224943 h 6858000"/>
              <a:gd name="connsiteX1676" fmla="*/ 168680 w 6858000"/>
              <a:gd name="connsiteY1676" fmla="*/ 4224943 h 6858000"/>
              <a:gd name="connsiteX1677" fmla="*/ 168680 w 6858000"/>
              <a:gd name="connsiteY1677" fmla="*/ 4241867 h 6858000"/>
              <a:gd name="connsiteX1678" fmla="*/ 185604 w 6858000"/>
              <a:gd name="connsiteY1678" fmla="*/ 4241867 h 6858000"/>
              <a:gd name="connsiteX1679" fmla="*/ 185604 w 6858000"/>
              <a:gd name="connsiteY1679" fmla="*/ 4224943 h 6858000"/>
              <a:gd name="connsiteX1680" fmla="*/ 45586 w 6858000"/>
              <a:gd name="connsiteY1680" fmla="*/ 4224943 h 6858000"/>
              <a:gd name="connsiteX1681" fmla="*/ 45586 w 6858000"/>
              <a:gd name="connsiteY1681" fmla="*/ 4241867 h 6858000"/>
              <a:gd name="connsiteX1682" fmla="*/ 62510 w 6858000"/>
              <a:gd name="connsiteY1682" fmla="*/ 4241867 h 6858000"/>
              <a:gd name="connsiteX1683" fmla="*/ 62510 w 6858000"/>
              <a:gd name="connsiteY1683" fmla="*/ 4224943 h 6858000"/>
              <a:gd name="connsiteX1684" fmla="*/ 4484019 w 6858000"/>
              <a:gd name="connsiteY1684" fmla="*/ 4110108 h 6858000"/>
              <a:gd name="connsiteX1685" fmla="*/ 4484019 w 6858000"/>
              <a:gd name="connsiteY1685" fmla="*/ 4110552 h 6858000"/>
              <a:gd name="connsiteX1686" fmla="*/ 4484463 w 6858000"/>
              <a:gd name="connsiteY1686" fmla="*/ 4110552 h 6858000"/>
              <a:gd name="connsiteX1687" fmla="*/ 4484463 w 6858000"/>
              <a:gd name="connsiteY1687" fmla="*/ 4110108 h 6858000"/>
              <a:gd name="connsiteX1688" fmla="*/ 4360961 w 6858000"/>
              <a:gd name="connsiteY1688" fmla="*/ 4110108 h 6858000"/>
              <a:gd name="connsiteX1689" fmla="*/ 4360961 w 6858000"/>
              <a:gd name="connsiteY1689" fmla="*/ 4110552 h 6858000"/>
              <a:gd name="connsiteX1690" fmla="*/ 4361405 w 6858000"/>
              <a:gd name="connsiteY1690" fmla="*/ 4110552 h 6858000"/>
              <a:gd name="connsiteX1691" fmla="*/ 4361405 w 6858000"/>
              <a:gd name="connsiteY1691" fmla="*/ 4110108 h 6858000"/>
              <a:gd name="connsiteX1692" fmla="*/ 4237904 w 6858000"/>
              <a:gd name="connsiteY1692" fmla="*/ 4110108 h 6858000"/>
              <a:gd name="connsiteX1693" fmla="*/ 4237904 w 6858000"/>
              <a:gd name="connsiteY1693" fmla="*/ 4110552 h 6858000"/>
              <a:gd name="connsiteX1694" fmla="*/ 4238348 w 6858000"/>
              <a:gd name="connsiteY1694" fmla="*/ 4110552 h 6858000"/>
              <a:gd name="connsiteX1695" fmla="*/ 4238348 w 6858000"/>
              <a:gd name="connsiteY1695" fmla="*/ 4110108 h 6858000"/>
              <a:gd name="connsiteX1696" fmla="*/ 4114847 w 6858000"/>
              <a:gd name="connsiteY1696" fmla="*/ 4110108 h 6858000"/>
              <a:gd name="connsiteX1697" fmla="*/ 4114847 w 6858000"/>
              <a:gd name="connsiteY1697" fmla="*/ 4110552 h 6858000"/>
              <a:gd name="connsiteX1698" fmla="*/ 4115291 w 6858000"/>
              <a:gd name="connsiteY1698" fmla="*/ 4110552 h 6858000"/>
              <a:gd name="connsiteX1699" fmla="*/ 4115291 w 6858000"/>
              <a:gd name="connsiteY1699" fmla="*/ 4110108 h 6858000"/>
              <a:gd name="connsiteX1700" fmla="*/ 3991789 w 6858000"/>
              <a:gd name="connsiteY1700" fmla="*/ 4110108 h 6858000"/>
              <a:gd name="connsiteX1701" fmla="*/ 3991789 w 6858000"/>
              <a:gd name="connsiteY1701" fmla="*/ 4110552 h 6858000"/>
              <a:gd name="connsiteX1702" fmla="*/ 3992234 w 6858000"/>
              <a:gd name="connsiteY1702" fmla="*/ 4110552 h 6858000"/>
              <a:gd name="connsiteX1703" fmla="*/ 3992234 w 6858000"/>
              <a:gd name="connsiteY1703" fmla="*/ 4110108 h 6858000"/>
              <a:gd name="connsiteX1704" fmla="*/ 3868732 w 6858000"/>
              <a:gd name="connsiteY1704" fmla="*/ 4110108 h 6858000"/>
              <a:gd name="connsiteX1705" fmla="*/ 3868732 w 6858000"/>
              <a:gd name="connsiteY1705" fmla="*/ 4110552 h 6858000"/>
              <a:gd name="connsiteX1706" fmla="*/ 3869176 w 6858000"/>
              <a:gd name="connsiteY1706" fmla="*/ 4110552 h 6858000"/>
              <a:gd name="connsiteX1707" fmla="*/ 3869176 w 6858000"/>
              <a:gd name="connsiteY1707" fmla="*/ 4110108 h 6858000"/>
              <a:gd name="connsiteX1708" fmla="*/ 3745675 w 6858000"/>
              <a:gd name="connsiteY1708" fmla="*/ 4110108 h 6858000"/>
              <a:gd name="connsiteX1709" fmla="*/ 3745675 w 6858000"/>
              <a:gd name="connsiteY1709" fmla="*/ 4110552 h 6858000"/>
              <a:gd name="connsiteX1710" fmla="*/ 3746119 w 6858000"/>
              <a:gd name="connsiteY1710" fmla="*/ 4110552 h 6858000"/>
              <a:gd name="connsiteX1711" fmla="*/ 3746119 w 6858000"/>
              <a:gd name="connsiteY1711" fmla="*/ 4110108 h 6858000"/>
              <a:gd name="connsiteX1712" fmla="*/ 3622395 w 6858000"/>
              <a:gd name="connsiteY1712" fmla="*/ 4109922 h 6858000"/>
              <a:gd name="connsiteX1713" fmla="*/ 3622395 w 6858000"/>
              <a:gd name="connsiteY1713" fmla="*/ 4110774 h 6858000"/>
              <a:gd name="connsiteX1714" fmla="*/ 3623247 w 6858000"/>
              <a:gd name="connsiteY1714" fmla="*/ 4110774 h 6858000"/>
              <a:gd name="connsiteX1715" fmla="*/ 3623247 w 6858000"/>
              <a:gd name="connsiteY1715" fmla="*/ 4109922 h 6858000"/>
              <a:gd name="connsiteX1716" fmla="*/ 3499338 w 6858000"/>
              <a:gd name="connsiteY1716" fmla="*/ 4109922 h 6858000"/>
              <a:gd name="connsiteX1717" fmla="*/ 3499338 w 6858000"/>
              <a:gd name="connsiteY1717" fmla="*/ 4110774 h 6858000"/>
              <a:gd name="connsiteX1718" fmla="*/ 3500190 w 6858000"/>
              <a:gd name="connsiteY1718" fmla="*/ 4110774 h 6858000"/>
              <a:gd name="connsiteX1719" fmla="*/ 3500190 w 6858000"/>
              <a:gd name="connsiteY1719" fmla="*/ 4109922 h 6858000"/>
              <a:gd name="connsiteX1720" fmla="*/ 3376058 w 6858000"/>
              <a:gd name="connsiteY1720" fmla="*/ 4109700 h 6858000"/>
              <a:gd name="connsiteX1721" fmla="*/ 3376058 w 6858000"/>
              <a:gd name="connsiteY1721" fmla="*/ 4110996 h 6858000"/>
              <a:gd name="connsiteX1722" fmla="*/ 3377354 w 6858000"/>
              <a:gd name="connsiteY1722" fmla="*/ 4110996 h 6858000"/>
              <a:gd name="connsiteX1723" fmla="*/ 3377354 w 6858000"/>
              <a:gd name="connsiteY1723" fmla="*/ 4109700 h 6858000"/>
              <a:gd name="connsiteX1724" fmla="*/ 3252779 w 6858000"/>
              <a:gd name="connsiteY1724" fmla="*/ 4109478 h 6858000"/>
              <a:gd name="connsiteX1725" fmla="*/ 3252779 w 6858000"/>
              <a:gd name="connsiteY1725" fmla="*/ 4111219 h 6858000"/>
              <a:gd name="connsiteX1726" fmla="*/ 3254519 w 6858000"/>
              <a:gd name="connsiteY1726" fmla="*/ 4111219 h 6858000"/>
              <a:gd name="connsiteX1727" fmla="*/ 3254519 w 6858000"/>
              <a:gd name="connsiteY1727" fmla="*/ 4109478 h 6858000"/>
              <a:gd name="connsiteX1728" fmla="*/ 3129499 w 6858000"/>
              <a:gd name="connsiteY1728" fmla="*/ 4109219 h 6858000"/>
              <a:gd name="connsiteX1729" fmla="*/ 3129499 w 6858000"/>
              <a:gd name="connsiteY1729" fmla="*/ 4111404 h 6858000"/>
              <a:gd name="connsiteX1730" fmla="*/ 3131684 w 6858000"/>
              <a:gd name="connsiteY1730" fmla="*/ 4111404 h 6858000"/>
              <a:gd name="connsiteX1731" fmla="*/ 3131684 w 6858000"/>
              <a:gd name="connsiteY1731" fmla="*/ 4109219 h 6858000"/>
              <a:gd name="connsiteX1732" fmla="*/ 3006220 w 6858000"/>
              <a:gd name="connsiteY1732" fmla="*/ 4109034 h 6858000"/>
              <a:gd name="connsiteX1733" fmla="*/ 3006220 w 6858000"/>
              <a:gd name="connsiteY1733" fmla="*/ 4111626 h 6858000"/>
              <a:gd name="connsiteX1734" fmla="*/ 3008812 w 6858000"/>
              <a:gd name="connsiteY1734" fmla="*/ 4111626 h 6858000"/>
              <a:gd name="connsiteX1735" fmla="*/ 3008812 w 6858000"/>
              <a:gd name="connsiteY1735" fmla="*/ 4109034 h 6858000"/>
              <a:gd name="connsiteX1736" fmla="*/ 2882718 w 6858000"/>
              <a:gd name="connsiteY1736" fmla="*/ 4108589 h 6858000"/>
              <a:gd name="connsiteX1737" fmla="*/ 2882718 w 6858000"/>
              <a:gd name="connsiteY1737" fmla="*/ 4112070 h 6858000"/>
              <a:gd name="connsiteX1738" fmla="*/ 2886199 w 6858000"/>
              <a:gd name="connsiteY1738" fmla="*/ 4112070 h 6858000"/>
              <a:gd name="connsiteX1739" fmla="*/ 2886199 w 6858000"/>
              <a:gd name="connsiteY1739" fmla="*/ 4108589 h 6858000"/>
              <a:gd name="connsiteX1740" fmla="*/ 2759439 w 6858000"/>
              <a:gd name="connsiteY1740" fmla="*/ 4108367 h 6858000"/>
              <a:gd name="connsiteX1741" fmla="*/ 2759439 w 6858000"/>
              <a:gd name="connsiteY1741" fmla="*/ 4112292 h 6858000"/>
              <a:gd name="connsiteX1742" fmla="*/ 2763364 w 6858000"/>
              <a:gd name="connsiteY1742" fmla="*/ 4112292 h 6858000"/>
              <a:gd name="connsiteX1743" fmla="*/ 2763364 w 6858000"/>
              <a:gd name="connsiteY1743" fmla="*/ 4108367 h 6858000"/>
              <a:gd name="connsiteX1744" fmla="*/ 2635937 w 6858000"/>
              <a:gd name="connsiteY1744" fmla="*/ 4107960 h 6858000"/>
              <a:gd name="connsiteX1745" fmla="*/ 2635937 w 6858000"/>
              <a:gd name="connsiteY1745" fmla="*/ 4112737 h 6858000"/>
              <a:gd name="connsiteX1746" fmla="*/ 2640714 w 6858000"/>
              <a:gd name="connsiteY1746" fmla="*/ 4112737 h 6858000"/>
              <a:gd name="connsiteX1747" fmla="*/ 2640714 w 6858000"/>
              <a:gd name="connsiteY1747" fmla="*/ 4107960 h 6858000"/>
              <a:gd name="connsiteX1748" fmla="*/ 2512472 w 6858000"/>
              <a:gd name="connsiteY1748" fmla="*/ 4107515 h 6858000"/>
              <a:gd name="connsiteX1749" fmla="*/ 2512472 w 6858000"/>
              <a:gd name="connsiteY1749" fmla="*/ 4113144 h 6858000"/>
              <a:gd name="connsiteX1750" fmla="*/ 2518101 w 6858000"/>
              <a:gd name="connsiteY1750" fmla="*/ 4113144 h 6858000"/>
              <a:gd name="connsiteX1751" fmla="*/ 2518101 w 6858000"/>
              <a:gd name="connsiteY1751" fmla="*/ 4107515 h 6858000"/>
              <a:gd name="connsiteX1752" fmla="*/ 2388971 w 6858000"/>
              <a:gd name="connsiteY1752" fmla="*/ 4107071 h 6858000"/>
              <a:gd name="connsiteX1753" fmla="*/ 2388971 w 6858000"/>
              <a:gd name="connsiteY1753" fmla="*/ 4113589 h 6858000"/>
              <a:gd name="connsiteX1754" fmla="*/ 2395489 w 6858000"/>
              <a:gd name="connsiteY1754" fmla="*/ 4113589 h 6858000"/>
              <a:gd name="connsiteX1755" fmla="*/ 2395489 w 6858000"/>
              <a:gd name="connsiteY1755" fmla="*/ 4107071 h 6858000"/>
              <a:gd name="connsiteX1756" fmla="*/ 2265469 w 6858000"/>
              <a:gd name="connsiteY1756" fmla="*/ 4106664 h 6858000"/>
              <a:gd name="connsiteX1757" fmla="*/ 2265469 w 6858000"/>
              <a:gd name="connsiteY1757" fmla="*/ 4114033 h 6858000"/>
              <a:gd name="connsiteX1758" fmla="*/ 2272838 w 6858000"/>
              <a:gd name="connsiteY1758" fmla="*/ 4114033 h 6858000"/>
              <a:gd name="connsiteX1759" fmla="*/ 2272838 w 6858000"/>
              <a:gd name="connsiteY1759" fmla="*/ 4106664 h 6858000"/>
              <a:gd name="connsiteX1760" fmla="*/ 2141745 w 6858000"/>
              <a:gd name="connsiteY1760" fmla="*/ 4105959 h 6858000"/>
              <a:gd name="connsiteX1761" fmla="*/ 2141745 w 6858000"/>
              <a:gd name="connsiteY1761" fmla="*/ 4114662 h 6858000"/>
              <a:gd name="connsiteX1762" fmla="*/ 2150447 w 6858000"/>
              <a:gd name="connsiteY1762" fmla="*/ 4114662 h 6858000"/>
              <a:gd name="connsiteX1763" fmla="*/ 2150447 w 6858000"/>
              <a:gd name="connsiteY1763" fmla="*/ 4105959 h 6858000"/>
              <a:gd name="connsiteX1764" fmla="*/ 2018243 w 6858000"/>
              <a:gd name="connsiteY1764" fmla="*/ 4105553 h 6858000"/>
              <a:gd name="connsiteX1765" fmla="*/ 2018243 w 6858000"/>
              <a:gd name="connsiteY1765" fmla="*/ 4115107 h 6858000"/>
              <a:gd name="connsiteX1766" fmla="*/ 2027797 w 6858000"/>
              <a:gd name="connsiteY1766" fmla="*/ 4115107 h 6858000"/>
              <a:gd name="connsiteX1767" fmla="*/ 2027797 w 6858000"/>
              <a:gd name="connsiteY1767" fmla="*/ 4105553 h 6858000"/>
              <a:gd name="connsiteX1768" fmla="*/ 1894779 w 6858000"/>
              <a:gd name="connsiteY1768" fmla="*/ 4105145 h 6858000"/>
              <a:gd name="connsiteX1769" fmla="*/ 1894779 w 6858000"/>
              <a:gd name="connsiteY1769" fmla="*/ 4115551 h 6858000"/>
              <a:gd name="connsiteX1770" fmla="*/ 1905185 w 6858000"/>
              <a:gd name="connsiteY1770" fmla="*/ 4115551 h 6858000"/>
              <a:gd name="connsiteX1771" fmla="*/ 1905185 w 6858000"/>
              <a:gd name="connsiteY1771" fmla="*/ 4105145 h 6858000"/>
              <a:gd name="connsiteX1772" fmla="*/ 1771055 w 6858000"/>
              <a:gd name="connsiteY1772" fmla="*/ 4104442 h 6858000"/>
              <a:gd name="connsiteX1773" fmla="*/ 1771055 w 6858000"/>
              <a:gd name="connsiteY1773" fmla="*/ 4116181 h 6858000"/>
              <a:gd name="connsiteX1774" fmla="*/ 1782794 w 6858000"/>
              <a:gd name="connsiteY1774" fmla="*/ 4116181 h 6858000"/>
              <a:gd name="connsiteX1775" fmla="*/ 1782794 w 6858000"/>
              <a:gd name="connsiteY1775" fmla="*/ 4104442 h 6858000"/>
              <a:gd name="connsiteX1776" fmla="*/ 1647553 w 6858000"/>
              <a:gd name="connsiteY1776" fmla="*/ 4104034 h 6858000"/>
              <a:gd name="connsiteX1777" fmla="*/ 1647553 w 6858000"/>
              <a:gd name="connsiteY1777" fmla="*/ 4116625 h 6858000"/>
              <a:gd name="connsiteX1778" fmla="*/ 1660144 w 6858000"/>
              <a:gd name="connsiteY1778" fmla="*/ 4116625 h 6858000"/>
              <a:gd name="connsiteX1779" fmla="*/ 1660144 w 6858000"/>
              <a:gd name="connsiteY1779" fmla="*/ 4104034 h 6858000"/>
              <a:gd name="connsiteX1780" fmla="*/ 1523829 w 6858000"/>
              <a:gd name="connsiteY1780" fmla="*/ 4103405 h 6858000"/>
              <a:gd name="connsiteX1781" fmla="*/ 1523829 w 6858000"/>
              <a:gd name="connsiteY1781" fmla="*/ 4117292 h 6858000"/>
              <a:gd name="connsiteX1782" fmla="*/ 1537716 w 6858000"/>
              <a:gd name="connsiteY1782" fmla="*/ 4117292 h 6858000"/>
              <a:gd name="connsiteX1783" fmla="*/ 1537716 w 6858000"/>
              <a:gd name="connsiteY1783" fmla="*/ 4103405 h 6858000"/>
              <a:gd name="connsiteX1784" fmla="*/ 1400364 w 6858000"/>
              <a:gd name="connsiteY1784" fmla="*/ 4102960 h 6858000"/>
              <a:gd name="connsiteX1785" fmla="*/ 1400364 w 6858000"/>
              <a:gd name="connsiteY1785" fmla="*/ 4117736 h 6858000"/>
              <a:gd name="connsiteX1786" fmla="*/ 1415140 w 6858000"/>
              <a:gd name="connsiteY1786" fmla="*/ 4117736 h 6858000"/>
              <a:gd name="connsiteX1787" fmla="*/ 1415140 w 6858000"/>
              <a:gd name="connsiteY1787" fmla="*/ 4102960 h 6858000"/>
              <a:gd name="connsiteX1788" fmla="*/ 1276863 w 6858000"/>
              <a:gd name="connsiteY1788" fmla="*/ 4102515 h 6858000"/>
              <a:gd name="connsiteX1789" fmla="*/ 1276863 w 6858000"/>
              <a:gd name="connsiteY1789" fmla="*/ 4118143 h 6858000"/>
              <a:gd name="connsiteX1790" fmla="*/ 1292490 w 6858000"/>
              <a:gd name="connsiteY1790" fmla="*/ 4118143 h 6858000"/>
              <a:gd name="connsiteX1791" fmla="*/ 1292490 w 6858000"/>
              <a:gd name="connsiteY1791" fmla="*/ 4102515 h 6858000"/>
              <a:gd name="connsiteX1792" fmla="*/ 1153361 w 6858000"/>
              <a:gd name="connsiteY1792" fmla="*/ 4102072 h 6858000"/>
              <a:gd name="connsiteX1793" fmla="*/ 1153361 w 6858000"/>
              <a:gd name="connsiteY1793" fmla="*/ 4118588 h 6858000"/>
              <a:gd name="connsiteX1794" fmla="*/ 1169877 w 6858000"/>
              <a:gd name="connsiteY1794" fmla="*/ 4118588 h 6858000"/>
              <a:gd name="connsiteX1795" fmla="*/ 1169877 w 6858000"/>
              <a:gd name="connsiteY1795" fmla="*/ 4102072 h 6858000"/>
              <a:gd name="connsiteX1796" fmla="*/ 1029859 w 6858000"/>
              <a:gd name="connsiteY1796" fmla="*/ 4101664 h 6858000"/>
              <a:gd name="connsiteX1797" fmla="*/ 1029859 w 6858000"/>
              <a:gd name="connsiteY1797" fmla="*/ 4119032 h 6858000"/>
              <a:gd name="connsiteX1798" fmla="*/ 1047227 w 6858000"/>
              <a:gd name="connsiteY1798" fmla="*/ 4119032 h 6858000"/>
              <a:gd name="connsiteX1799" fmla="*/ 1047227 w 6858000"/>
              <a:gd name="connsiteY1799" fmla="*/ 4101664 h 6858000"/>
              <a:gd name="connsiteX1800" fmla="*/ 906358 w 6858000"/>
              <a:gd name="connsiteY1800" fmla="*/ 4101183 h 6858000"/>
              <a:gd name="connsiteX1801" fmla="*/ 906358 w 6858000"/>
              <a:gd name="connsiteY1801" fmla="*/ 4119440 h 6858000"/>
              <a:gd name="connsiteX1802" fmla="*/ 924615 w 6858000"/>
              <a:gd name="connsiteY1802" fmla="*/ 4119440 h 6858000"/>
              <a:gd name="connsiteX1803" fmla="*/ 924615 w 6858000"/>
              <a:gd name="connsiteY1803" fmla="*/ 4101183 h 6858000"/>
              <a:gd name="connsiteX1804" fmla="*/ 783078 w 6858000"/>
              <a:gd name="connsiteY1804" fmla="*/ 4100998 h 6858000"/>
              <a:gd name="connsiteX1805" fmla="*/ 783078 w 6858000"/>
              <a:gd name="connsiteY1805" fmla="*/ 4119662 h 6858000"/>
              <a:gd name="connsiteX1806" fmla="*/ 801742 w 6858000"/>
              <a:gd name="connsiteY1806" fmla="*/ 4119662 h 6858000"/>
              <a:gd name="connsiteX1807" fmla="*/ 801742 w 6858000"/>
              <a:gd name="connsiteY1807" fmla="*/ 4100998 h 6858000"/>
              <a:gd name="connsiteX1808" fmla="*/ 659613 w 6858000"/>
              <a:gd name="connsiteY1808" fmla="*/ 4100553 h 6858000"/>
              <a:gd name="connsiteX1809" fmla="*/ 659613 w 6858000"/>
              <a:gd name="connsiteY1809" fmla="*/ 4120106 h 6858000"/>
              <a:gd name="connsiteX1810" fmla="*/ 679166 w 6858000"/>
              <a:gd name="connsiteY1810" fmla="*/ 4120106 h 6858000"/>
              <a:gd name="connsiteX1811" fmla="*/ 679166 w 6858000"/>
              <a:gd name="connsiteY1811" fmla="*/ 4100553 h 6858000"/>
              <a:gd name="connsiteX1812" fmla="*/ 536334 w 6858000"/>
              <a:gd name="connsiteY1812" fmla="*/ 4100331 h 6858000"/>
              <a:gd name="connsiteX1813" fmla="*/ 536334 w 6858000"/>
              <a:gd name="connsiteY1813" fmla="*/ 4120328 h 6858000"/>
              <a:gd name="connsiteX1814" fmla="*/ 556331 w 6858000"/>
              <a:gd name="connsiteY1814" fmla="*/ 4120328 h 6858000"/>
              <a:gd name="connsiteX1815" fmla="*/ 556331 w 6858000"/>
              <a:gd name="connsiteY1815" fmla="*/ 4100331 h 6858000"/>
              <a:gd name="connsiteX1816" fmla="*/ 413054 w 6858000"/>
              <a:gd name="connsiteY1816" fmla="*/ 4100146 h 6858000"/>
              <a:gd name="connsiteX1817" fmla="*/ 413054 w 6858000"/>
              <a:gd name="connsiteY1817" fmla="*/ 4120551 h 6858000"/>
              <a:gd name="connsiteX1818" fmla="*/ 433459 w 6858000"/>
              <a:gd name="connsiteY1818" fmla="*/ 4120551 h 6858000"/>
              <a:gd name="connsiteX1819" fmla="*/ 433459 w 6858000"/>
              <a:gd name="connsiteY1819" fmla="*/ 4100146 h 6858000"/>
              <a:gd name="connsiteX1820" fmla="*/ 43882 w 6858000"/>
              <a:gd name="connsiteY1820" fmla="*/ 4100146 h 6858000"/>
              <a:gd name="connsiteX1821" fmla="*/ 43882 w 6858000"/>
              <a:gd name="connsiteY1821" fmla="*/ 4120551 h 6858000"/>
              <a:gd name="connsiteX1822" fmla="*/ 64287 w 6858000"/>
              <a:gd name="connsiteY1822" fmla="*/ 4120551 h 6858000"/>
              <a:gd name="connsiteX1823" fmla="*/ 64287 w 6858000"/>
              <a:gd name="connsiteY1823" fmla="*/ 4100146 h 6858000"/>
              <a:gd name="connsiteX1824" fmla="*/ 289775 w 6858000"/>
              <a:gd name="connsiteY1824" fmla="*/ 4099924 h 6858000"/>
              <a:gd name="connsiteX1825" fmla="*/ 289775 w 6858000"/>
              <a:gd name="connsiteY1825" fmla="*/ 4120773 h 6858000"/>
              <a:gd name="connsiteX1826" fmla="*/ 310624 w 6858000"/>
              <a:gd name="connsiteY1826" fmla="*/ 4120773 h 6858000"/>
              <a:gd name="connsiteX1827" fmla="*/ 310624 w 6858000"/>
              <a:gd name="connsiteY1827" fmla="*/ 4099924 h 6858000"/>
              <a:gd name="connsiteX1828" fmla="*/ 166718 w 6858000"/>
              <a:gd name="connsiteY1828" fmla="*/ 4099924 h 6858000"/>
              <a:gd name="connsiteX1829" fmla="*/ 166718 w 6858000"/>
              <a:gd name="connsiteY1829" fmla="*/ 4120773 h 6858000"/>
              <a:gd name="connsiteX1830" fmla="*/ 187567 w 6858000"/>
              <a:gd name="connsiteY1830" fmla="*/ 4120773 h 6858000"/>
              <a:gd name="connsiteX1831" fmla="*/ 187567 w 6858000"/>
              <a:gd name="connsiteY1831" fmla="*/ 4099924 h 6858000"/>
              <a:gd name="connsiteX1832" fmla="*/ 4484019 w 6858000"/>
              <a:gd name="connsiteY1832" fmla="*/ 3987051 h 6858000"/>
              <a:gd name="connsiteX1833" fmla="*/ 4484019 w 6858000"/>
              <a:gd name="connsiteY1833" fmla="*/ 3987495 h 6858000"/>
              <a:gd name="connsiteX1834" fmla="*/ 4484463 w 6858000"/>
              <a:gd name="connsiteY1834" fmla="*/ 3987495 h 6858000"/>
              <a:gd name="connsiteX1835" fmla="*/ 4484463 w 6858000"/>
              <a:gd name="connsiteY1835" fmla="*/ 3987051 h 6858000"/>
              <a:gd name="connsiteX1836" fmla="*/ 4360961 w 6858000"/>
              <a:gd name="connsiteY1836" fmla="*/ 3987051 h 6858000"/>
              <a:gd name="connsiteX1837" fmla="*/ 4360961 w 6858000"/>
              <a:gd name="connsiteY1837" fmla="*/ 3987495 h 6858000"/>
              <a:gd name="connsiteX1838" fmla="*/ 4361405 w 6858000"/>
              <a:gd name="connsiteY1838" fmla="*/ 3987495 h 6858000"/>
              <a:gd name="connsiteX1839" fmla="*/ 4361405 w 6858000"/>
              <a:gd name="connsiteY1839" fmla="*/ 3987051 h 6858000"/>
              <a:gd name="connsiteX1840" fmla="*/ 4237904 w 6858000"/>
              <a:gd name="connsiteY1840" fmla="*/ 3987051 h 6858000"/>
              <a:gd name="connsiteX1841" fmla="*/ 4237904 w 6858000"/>
              <a:gd name="connsiteY1841" fmla="*/ 3987495 h 6858000"/>
              <a:gd name="connsiteX1842" fmla="*/ 4238348 w 6858000"/>
              <a:gd name="connsiteY1842" fmla="*/ 3987495 h 6858000"/>
              <a:gd name="connsiteX1843" fmla="*/ 4238348 w 6858000"/>
              <a:gd name="connsiteY1843" fmla="*/ 3987051 h 6858000"/>
              <a:gd name="connsiteX1844" fmla="*/ 4114847 w 6858000"/>
              <a:gd name="connsiteY1844" fmla="*/ 3987051 h 6858000"/>
              <a:gd name="connsiteX1845" fmla="*/ 4114847 w 6858000"/>
              <a:gd name="connsiteY1845" fmla="*/ 3987495 h 6858000"/>
              <a:gd name="connsiteX1846" fmla="*/ 4115291 w 6858000"/>
              <a:gd name="connsiteY1846" fmla="*/ 3987495 h 6858000"/>
              <a:gd name="connsiteX1847" fmla="*/ 4115291 w 6858000"/>
              <a:gd name="connsiteY1847" fmla="*/ 3987051 h 6858000"/>
              <a:gd name="connsiteX1848" fmla="*/ 3991789 w 6858000"/>
              <a:gd name="connsiteY1848" fmla="*/ 3987051 h 6858000"/>
              <a:gd name="connsiteX1849" fmla="*/ 3991789 w 6858000"/>
              <a:gd name="connsiteY1849" fmla="*/ 3987495 h 6858000"/>
              <a:gd name="connsiteX1850" fmla="*/ 3992234 w 6858000"/>
              <a:gd name="connsiteY1850" fmla="*/ 3987495 h 6858000"/>
              <a:gd name="connsiteX1851" fmla="*/ 3992234 w 6858000"/>
              <a:gd name="connsiteY1851" fmla="*/ 3987051 h 6858000"/>
              <a:gd name="connsiteX1852" fmla="*/ 3868732 w 6858000"/>
              <a:gd name="connsiteY1852" fmla="*/ 3987051 h 6858000"/>
              <a:gd name="connsiteX1853" fmla="*/ 3868732 w 6858000"/>
              <a:gd name="connsiteY1853" fmla="*/ 3987495 h 6858000"/>
              <a:gd name="connsiteX1854" fmla="*/ 3869176 w 6858000"/>
              <a:gd name="connsiteY1854" fmla="*/ 3987495 h 6858000"/>
              <a:gd name="connsiteX1855" fmla="*/ 3869176 w 6858000"/>
              <a:gd name="connsiteY1855" fmla="*/ 3987051 h 6858000"/>
              <a:gd name="connsiteX1856" fmla="*/ 3745453 w 6858000"/>
              <a:gd name="connsiteY1856" fmla="*/ 3986865 h 6858000"/>
              <a:gd name="connsiteX1857" fmla="*/ 3745453 w 6858000"/>
              <a:gd name="connsiteY1857" fmla="*/ 3987717 h 6858000"/>
              <a:gd name="connsiteX1858" fmla="*/ 3746305 w 6858000"/>
              <a:gd name="connsiteY1858" fmla="*/ 3987717 h 6858000"/>
              <a:gd name="connsiteX1859" fmla="*/ 3746305 w 6858000"/>
              <a:gd name="connsiteY1859" fmla="*/ 3986865 h 6858000"/>
              <a:gd name="connsiteX1860" fmla="*/ 3622395 w 6858000"/>
              <a:gd name="connsiteY1860" fmla="*/ 3986865 h 6858000"/>
              <a:gd name="connsiteX1861" fmla="*/ 3622395 w 6858000"/>
              <a:gd name="connsiteY1861" fmla="*/ 3987717 h 6858000"/>
              <a:gd name="connsiteX1862" fmla="*/ 3623247 w 6858000"/>
              <a:gd name="connsiteY1862" fmla="*/ 3987717 h 6858000"/>
              <a:gd name="connsiteX1863" fmla="*/ 3623247 w 6858000"/>
              <a:gd name="connsiteY1863" fmla="*/ 3986865 h 6858000"/>
              <a:gd name="connsiteX1864" fmla="*/ 3499116 w 6858000"/>
              <a:gd name="connsiteY1864" fmla="*/ 3986643 h 6858000"/>
              <a:gd name="connsiteX1865" fmla="*/ 3499116 w 6858000"/>
              <a:gd name="connsiteY1865" fmla="*/ 3987939 h 6858000"/>
              <a:gd name="connsiteX1866" fmla="*/ 3500412 w 6858000"/>
              <a:gd name="connsiteY1866" fmla="*/ 3987939 h 6858000"/>
              <a:gd name="connsiteX1867" fmla="*/ 3500412 w 6858000"/>
              <a:gd name="connsiteY1867" fmla="*/ 3986643 h 6858000"/>
              <a:gd name="connsiteX1868" fmla="*/ 3376058 w 6858000"/>
              <a:gd name="connsiteY1868" fmla="*/ 3986643 h 6858000"/>
              <a:gd name="connsiteX1869" fmla="*/ 3376058 w 6858000"/>
              <a:gd name="connsiteY1869" fmla="*/ 3987939 h 6858000"/>
              <a:gd name="connsiteX1870" fmla="*/ 3377354 w 6858000"/>
              <a:gd name="connsiteY1870" fmla="*/ 3987939 h 6858000"/>
              <a:gd name="connsiteX1871" fmla="*/ 3377354 w 6858000"/>
              <a:gd name="connsiteY1871" fmla="*/ 3986643 h 6858000"/>
              <a:gd name="connsiteX1872" fmla="*/ 3252779 w 6858000"/>
              <a:gd name="connsiteY1872" fmla="*/ 3986421 h 6858000"/>
              <a:gd name="connsiteX1873" fmla="*/ 3252779 w 6858000"/>
              <a:gd name="connsiteY1873" fmla="*/ 3988161 h 6858000"/>
              <a:gd name="connsiteX1874" fmla="*/ 3254519 w 6858000"/>
              <a:gd name="connsiteY1874" fmla="*/ 3988161 h 6858000"/>
              <a:gd name="connsiteX1875" fmla="*/ 3254519 w 6858000"/>
              <a:gd name="connsiteY1875" fmla="*/ 3986421 h 6858000"/>
              <a:gd name="connsiteX1876" fmla="*/ 3129277 w 6858000"/>
              <a:gd name="connsiteY1876" fmla="*/ 3985977 h 6858000"/>
              <a:gd name="connsiteX1877" fmla="*/ 3129277 w 6858000"/>
              <a:gd name="connsiteY1877" fmla="*/ 3988569 h 6858000"/>
              <a:gd name="connsiteX1878" fmla="*/ 3131869 w 6858000"/>
              <a:gd name="connsiteY1878" fmla="*/ 3988569 h 6858000"/>
              <a:gd name="connsiteX1879" fmla="*/ 3131869 w 6858000"/>
              <a:gd name="connsiteY1879" fmla="*/ 3985977 h 6858000"/>
              <a:gd name="connsiteX1880" fmla="*/ 3005998 w 6858000"/>
              <a:gd name="connsiteY1880" fmla="*/ 3985754 h 6858000"/>
              <a:gd name="connsiteX1881" fmla="*/ 3005998 w 6858000"/>
              <a:gd name="connsiteY1881" fmla="*/ 3988791 h 6858000"/>
              <a:gd name="connsiteX1882" fmla="*/ 3009035 w 6858000"/>
              <a:gd name="connsiteY1882" fmla="*/ 3988791 h 6858000"/>
              <a:gd name="connsiteX1883" fmla="*/ 3009035 w 6858000"/>
              <a:gd name="connsiteY1883" fmla="*/ 3985754 h 6858000"/>
              <a:gd name="connsiteX1884" fmla="*/ 2882496 w 6858000"/>
              <a:gd name="connsiteY1884" fmla="*/ 3985310 h 6858000"/>
              <a:gd name="connsiteX1885" fmla="*/ 2882496 w 6858000"/>
              <a:gd name="connsiteY1885" fmla="*/ 3989235 h 6858000"/>
              <a:gd name="connsiteX1886" fmla="*/ 2886421 w 6858000"/>
              <a:gd name="connsiteY1886" fmla="*/ 3989235 h 6858000"/>
              <a:gd name="connsiteX1887" fmla="*/ 2886421 w 6858000"/>
              <a:gd name="connsiteY1887" fmla="*/ 3985310 h 6858000"/>
              <a:gd name="connsiteX1888" fmla="*/ 2759216 w 6858000"/>
              <a:gd name="connsiteY1888" fmla="*/ 3985124 h 6858000"/>
              <a:gd name="connsiteX1889" fmla="*/ 2759216 w 6858000"/>
              <a:gd name="connsiteY1889" fmla="*/ 3989457 h 6858000"/>
              <a:gd name="connsiteX1890" fmla="*/ 2763549 w 6858000"/>
              <a:gd name="connsiteY1890" fmla="*/ 3989457 h 6858000"/>
              <a:gd name="connsiteX1891" fmla="*/ 2763549 w 6858000"/>
              <a:gd name="connsiteY1891" fmla="*/ 3985124 h 6858000"/>
              <a:gd name="connsiteX1892" fmla="*/ 2635715 w 6858000"/>
              <a:gd name="connsiteY1892" fmla="*/ 3984643 h 6858000"/>
              <a:gd name="connsiteX1893" fmla="*/ 2635715 w 6858000"/>
              <a:gd name="connsiteY1893" fmla="*/ 3989865 h 6858000"/>
              <a:gd name="connsiteX1894" fmla="*/ 2640936 w 6858000"/>
              <a:gd name="connsiteY1894" fmla="*/ 3989865 h 6858000"/>
              <a:gd name="connsiteX1895" fmla="*/ 2640936 w 6858000"/>
              <a:gd name="connsiteY1895" fmla="*/ 3984643 h 6858000"/>
              <a:gd name="connsiteX1896" fmla="*/ 2512028 w 6858000"/>
              <a:gd name="connsiteY1896" fmla="*/ 3984013 h 6858000"/>
              <a:gd name="connsiteX1897" fmla="*/ 2512028 w 6858000"/>
              <a:gd name="connsiteY1897" fmla="*/ 3990531 h 6858000"/>
              <a:gd name="connsiteX1898" fmla="*/ 2518546 w 6858000"/>
              <a:gd name="connsiteY1898" fmla="*/ 3990531 h 6858000"/>
              <a:gd name="connsiteX1899" fmla="*/ 2518546 w 6858000"/>
              <a:gd name="connsiteY1899" fmla="*/ 3984013 h 6858000"/>
              <a:gd name="connsiteX1900" fmla="*/ 2388526 w 6858000"/>
              <a:gd name="connsiteY1900" fmla="*/ 3983607 h 6858000"/>
              <a:gd name="connsiteX1901" fmla="*/ 2388526 w 6858000"/>
              <a:gd name="connsiteY1901" fmla="*/ 3990976 h 6858000"/>
              <a:gd name="connsiteX1902" fmla="*/ 2395895 w 6858000"/>
              <a:gd name="connsiteY1902" fmla="*/ 3990976 h 6858000"/>
              <a:gd name="connsiteX1903" fmla="*/ 2395895 w 6858000"/>
              <a:gd name="connsiteY1903" fmla="*/ 3983607 h 6858000"/>
              <a:gd name="connsiteX1904" fmla="*/ 2264802 w 6858000"/>
              <a:gd name="connsiteY1904" fmla="*/ 3982902 h 6858000"/>
              <a:gd name="connsiteX1905" fmla="*/ 2264802 w 6858000"/>
              <a:gd name="connsiteY1905" fmla="*/ 3991605 h 6858000"/>
              <a:gd name="connsiteX1906" fmla="*/ 2273504 w 6858000"/>
              <a:gd name="connsiteY1906" fmla="*/ 3991605 h 6858000"/>
              <a:gd name="connsiteX1907" fmla="*/ 2273504 w 6858000"/>
              <a:gd name="connsiteY1907" fmla="*/ 3982902 h 6858000"/>
              <a:gd name="connsiteX1908" fmla="*/ 2141301 w 6858000"/>
              <a:gd name="connsiteY1908" fmla="*/ 3982496 h 6858000"/>
              <a:gd name="connsiteX1909" fmla="*/ 2141301 w 6858000"/>
              <a:gd name="connsiteY1909" fmla="*/ 3992050 h 6858000"/>
              <a:gd name="connsiteX1910" fmla="*/ 2150855 w 6858000"/>
              <a:gd name="connsiteY1910" fmla="*/ 3992050 h 6858000"/>
              <a:gd name="connsiteX1911" fmla="*/ 2150855 w 6858000"/>
              <a:gd name="connsiteY1911" fmla="*/ 3982496 h 6858000"/>
              <a:gd name="connsiteX1912" fmla="*/ 2017614 w 6858000"/>
              <a:gd name="connsiteY1912" fmla="*/ 3981866 h 6858000"/>
              <a:gd name="connsiteX1913" fmla="*/ 2017614 w 6858000"/>
              <a:gd name="connsiteY1913" fmla="*/ 3992716 h 6858000"/>
              <a:gd name="connsiteX1914" fmla="*/ 2028464 w 6858000"/>
              <a:gd name="connsiteY1914" fmla="*/ 3992716 h 6858000"/>
              <a:gd name="connsiteX1915" fmla="*/ 2028464 w 6858000"/>
              <a:gd name="connsiteY1915" fmla="*/ 3981866 h 6858000"/>
              <a:gd name="connsiteX1916" fmla="*/ 1893890 w 6858000"/>
              <a:gd name="connsiteY1916" fmla="*/ 3981200 h 6858000"/>
              <a:gd name="connsiteX1917" fmla="*/ 1893890 w 6858000"/>
              <a:gd name="connsiteY1917" fmla="*/ 3993346 h 6858000"/>
              <a:gd name="connsiteX1918" fmla="*/ 1906037 w 6858000"/>
              <a:gd name="connsiteY1918" fmla="*/ 3993346 h 6858000"/>
              <a:gd name="connsiteX1919" fmla="*/ 1906037 w 6858000"/>
              <a:gd name="connsiteY1919" fmla="*/ 3981200 h 6858000"/>
              <a:gd name="connsiteX1920" fmla="*/ 1770166 w 6858000"/>
              <a:gd name="connsiteY1920" fmla="*/ 3980532 h 6858000"/>
              <a:gd name="connsiteX1921" fmla="*/ 1770166 w 6858000"/>
              <a:gd name="connsiteY1921" fmla="*/ 3994012 h 6858000"/>
              <a:gd name="connsiteX1922" fmla="*/ 1783646 w 6858000"/>
              <a:gd name="connsiteY1922" fmla="*/ 3994012 h 6858000"/>
              <a:gd name="connsiteX1923" fmla="*/ 1783646 w 6858000"/>
              <a:gd name="connsiteY1923" fmla="*/ 3980532 h 6858000"/>
              <a:gd name="connsiteX1924" fmla="*/ 1646479 w 6858000"/>
              <a:gd name="connsiteY1924" fmla="*/ 3979866 h 6858000"/>
              <a:gd name="connsiteX1925" fmla="*/ 1646479 w 6858000"/>
              <a:gd name="connsiteY1925" fmla="*/ 3994642 h 6858000"/>
              <a:gd name="connsiteX1926" fmla="*/ 1661255 w 6858000"/>
              <a:gd name="connsiteY1926" fmla="*/ 3994642 h 6858000"/>
              <a:gd name="connsiteX1927" fmla="*/ 1661255 w 6858000"/>
              <a:gd name="connsiteY1927" fmla="*/ 3979866 h 6858000"/>
              <a:gd name="connsiteX1928" fmla="*/ 1522755 w 6858000"/>
              <a:gd name="connsiteY1928" fmla="*/ 3979236 h 6858000"/>
              <a:gd name="connsiteX1929" fmla="*/ 1522755 w 6858000"/>
              <a:gd name="connsiteY1929" fmla="*/ 3995308 h 6858000"/>
              <a:gd name="connsiteX1930" fmla="*/ 1538827 w 6858000"/>
              <a:gd name="connsiteY1930" fmla="*/ 3995308 h 6858000"/>
              <a:gd name="connsiteX1931" fmla="*/ 1538827 w 6858000"/>
              <a:gd name="connsiteY1931" fmla="*/ 3979236 h 6858000"/>
              <a:gd name="connsiteX1932" fmla="*/ 1399031 w 6858000"/>
              <a:gd name="connsiteY1932" fmla="*/ 3978607 h 6858000"/>
              <a:gd name="connsiteX1933" fmla="*/ 1399031 w 6858000"/>
              <a:gd name="connsiteY1933" fmla="*/ 3995975 h 6858000"/>
              <a:gd name="connsiteX1934" fmla="*/ 1416399 w 6858000"/>
              <a:gd name="connsiteY1934" fmla="*/ 3995975 h 6858000"/>
              <a:gd name="connsiteX1935" fmla="*/ 1416399 w 6858000"/>
              <a:gd name="connsiteY1935" fmla="*/ 3978607 h 6858000"/>
              <a:gd name="connsiteX1936" fmla="*/ 1275567 w 6858000"/>
              <a:gd name="connsiteY1936" fmla="*/ 3978125 h 6858000"/>
              <a:gd name="connsiteX1937" fmla="*/ 1275567 w 6858000"/>
              <a:gd name="connsiteY1937" fmla="*/ 3996382 h 6858000"/>
              <a:gd name="connsiteX1938" fmla="*/ 1293824 w 6858000"/>
              <a:gd name="connsiteY1938" fmla="*/ 3996382 h 6858000"/>
              <a:gd name="connsiteX1939" fmla="*/ 1293824 w 6858000"/>
              <a:gd name="connsiteY1939" fmla="*/ 3978125 h 6858000"/>
              <a:gd name="connsiteX1940" fmla="*/ 1151843 w 6858000"/>
              <a:gd name="connsiteY1940" fmla="*/ 3977496 h 6858000"/>
              <a:gd name="connsiteX1941" fmla="*/ 1151843 w 6858000"/>
              <a:gd name="connsiteY1941" fmla="*/ 3997049 h 6858000"/>
              <a:gd name="connsiteX1942" fmla="*/ 1171396 w 6858000"/>
              <a:gd name="connsiteY1942" fmla="*/ 3997049 h 6858000"/>
              <a:gd name="connsiteX1943" fmla="*/ 1171396 w 6858000"/>
              <a:gd name="connsiteY1943" fmla="*/ 3977496 h 6858000"/>
              <a:gd name="connsiteX1944" fmla="*/ 1028341 w 6858000"/>
              <a:gd name="connsiteY1944" fmla="*/ 3977088 h 6858000"/>
              <a:gd name="connsiteX1945" fmla="*/ 1028341 w 6858000"/>
              <a:gd name="connsiteY1945" fmla="*/ 3997493 h 6858000"/>
              <a:gd name="connsiteX1946" fmla="*/ 1048746 w 6858000"/>
              <a:gd name="connsiteY1946" fmla="*/ 3997493 h 6858000"/>
              <a:gd name="connsiteX1947" fmla="*/ 1048746 w 6858000"/>
              <a:gd name="connsiteY1947" fmla="*/ 3977088 h 6858000"/>
              <a:gd name="connsiteX1948" fmla="*/ 904839 w 6858000"/>
              <a:gd name="connsiteY1948" fmla="*/ 3976608 h 6858000"/>
              <a:gd name="connsiteX1949" fmla="*/ 904839 w 6858000"/>
              <a:gd name="connsiteY1949" fmla="*/ 3997901 h 6858000"/>
              <a:gd name="connsiteX1950" fmla="*/ 926132 w 6858000"/>
              <a:gd name="connsiteY1950" fmla="*/ 3997901 h 6858000"/>
              <a:gd name="connsiteX1951" fmla="*/ 926132 w 6858000"/>
              <a:gd name="connsiteY1951" fmla="*/ 3976608 h 6858000"/>
              <a:gd name="connsiteX1952" fmla="*/ 781375 w 6858000"/>
              <a:gd name="connsiteY1952" fmla="*/ 3976200 h 6858000"/>
              <a:gd name="connsiteX1953" fmla="*/ 781375 w 6858000"/>
              <a:gd name="connsiteY1953" fmla="*/ 3998345 h 6858000"/>
              <a:gd name="connsiteX1954" fmla="*/ 803520 w 6858000"/>
              <a:gd name="connsiteY1954" fmla="*/ 3998345 h 6858000"/>
              <a:gd name="connsiteX1955" fmla="*/ 803520 w 6858000"/>
              <a:gd name="connsiteY1955" fmla="*/ 3976200 h 6858000"/>
              <a:gd name="connsiteX1956" fmla="*/ 657873 w 6858000"/>
              <a:gd name="connsiteY1956" fmla="*/ 3975755 h 6858000"/>
              <a:gd name="connsiteX1957" fmla="*/ 657873 w 6858000"/>
              <a:gd name="connsiteY1957" fmla="*/ 3998789 h 6858000"/>
              <a:gd name="connsiteX1958" fmla="*/ 680907 w 6858000"/>
              <a:gd name="connsiteY1958" fmla="*/ 3998789 h 6858000"/>
              <a:gd name="connsiteX1959" fmla="*/ 680907 w 6858000"/>
              <a:gd name="connsiteY1959" fmla="*/ 3975755 h 6858000"/>
              <a:gd name="connsiteX1960" fmla="*/ 534593 w 6858000"/>
              <a:gd name="connsiteY1960" fmla="*/ 3975571 h 6858000"/>
              <a:gd name="connsiteX1961" fmla="*/ 534593 w 6858000"/>
              <a:gd name="connsiteY1961" fmla="*/ 3999012 h 6858000"/>
              <a:gd name="connsiteX1962" fmla="*/ 558034 w 6858000"/>
              <a:gd name="connsiteY1962" fmla="*/ 3999012 h 6858000"/>
              <a:gd name="connsiteX1963" fmla="*/ 558034 w 6858000"/>
              <a:gd name="connsiteY1963" fmla="*/ 3975571 h 6858000"/>
              <a:gd name="connsiteX1964" fmla="*/ 411314 w 6858000"/>
              <a:gd name="connsiteY1964" fmla="*/ 3975348 h 6858000"/>
              <a:gd name="connsiteX1965" fmla="*/ 411314 w 6858000"/>
              <a:gd name="connsiteY1965" fmla="*/ 3999234 h 6858000"/>
              <a:gd name="connsiteX1966" fmla="*/ 435200 w 6858000"/>
              <a:gd name="connsiteY1966" fmla="*/ 3999234 h 6858000"/>
              <a:gd name="connsiteX1967" fmla="*/ 435200 w 6858000"/>
              <a:gd name="connsiteY1967" fmla="*/ 3975348 h 6858000"/>
              <a:gd name="connsiteX1968" fmla="*/ 41920 w 6858000"/>
              <a:gd name="connsiteY1968" fmla="*/ 3975089 h 6858000"/>
              <a:gd name="connsiteX1969" fmla="*/ 41920 w 6858000"/>
              <a:gd name="connsiteY1969" fmla="*/ 3999419 h 6858000"/>
              <a:gd name="connsiteX1970" fmla="*/ 66250 w 6858000"/>
              <a:gd name="connsiteY1970" fmla="*/ 3999419 h 6858000"/>
              <a:gd name="connsiteX1971" fmla="*/ 66250 w 6858000"/>
              <a:gd name="connsiteY1971" fmla="*/ 3975089 h 6858000"/>
              <a:gd name="connsiteX1972" fmla="*/ 287812 w 6858000"/>
              <a:gd name="connsiteY1972" fmla="*/ 3974867 h 6858000"/>
              <a:gd name="connsiteX1973" fmla="*/ 287812 w 6858000"/>
              <a:gd name="connsiteY1973" fmla="*/ 3999641 h 6858000"/>
              <a:gd name="connsiteX1974" fmla="*/ 312586 w 6858000"/>
              <a:gd name="connsiteY1974" fmla="*/ 3999641 h 6858000"/>
              <a:gd name="connsiteX1975" fmla="*/ 312586 w 6858000"/>
              <a:gd name="connsiteY1975" fmla="*/ 3974867 h 6858000"/>
              <a:gd name="connsiteX1976" fmla="*/ 164755 w 6858000"/>
              <a:gd name="connsiteY1976" fmla="*/ 3974867 h 6858000"/>
              <a:gd name="connsiteX1977" fmla="*/ 164755 w 6858000"/>
              <a:gd name="connsiteY1977" fmla="*/ 3999641 h 6858000"/>
              <a:gd name="connsiteX1978" fmla="*/ 189529 w 6858000"/>
              <a:gd name="connsiteY1978" fmla="*/ 3999641 h 6858000"/>
              <a:gd name="connsiteX1979" fmla="*/ 189529 w 6858000"/>
              <a:gd name="connsiteY1979" fmla="*/ 3974867 h 6858000"/>
              <a:gd name="connsiteX1980" fmla="*/ 4484019 w 6858000"/>
              <a:gd name="connsiteY1980" fmla="*/ 3863993 h 6858000"/>
              <a:gd name="connsiteX1981" fmla="*/ 4484019 w 6858000"/>
              <a:gd name="connsiteY1981" fmla="*/ 3864437 h 6858000"/>
              <a:gd name="connsiteX1982" fmla="*/ 4484463 w 6858000"/>
              <a:gd name="connsiteY1982" fmla="*/ 3864437 h 6858000"/>
              <a:gd name="connsiteX1983" fmla="*/ 4484463 w 6858000"/>
              <a:gd name="connsiteY1983" fmla="*/ 3863993 h 6858000"/>
              <a:gd name="connsiteX1984" fmla="*/ 4360961 w 6858000"/>
              <a:gd name="connsiteY1984" fmla="*/ 3863993 h 6858000"/>
              <a:gd name="connsiteX1985" fmla="*/ 4360961 w 6858000"/>
              <a:gd name="connsiteY1985" fmla="*/ 3864437 h 6858000"/>
              <a:gd name="connsiteX1986" fmla="*/ 4361405 w 6858000"/>
              <a:gd name="connsiteY1986" fmla="*/ 3864437 h 6858000"/>
              <a:gd name="connsiteX1987" fmla="*/ 4361405 w 6858000"/>
              <a:gd name="connsiteY1987" fmla="*/ 3863993 h 6858000"/>
              <a:gd name="connsiteX1988" fmla="*/ 4237904 w 6858000"/>
              <a:gd name="connsiteY1988" fmla="*/ 3863993 h 6858000"/>
              <a:gd name="connsiteX1989" fmla="*/ 4237904 w 6858000"/>
              <a:gd name="connsiteY1989" fmla="*/ 3864437 h 6858000"/>
              <a:gd name="connsiteX1990" fmla="*/ 4238348 w 6858000"/>
              <a:gd name="connsiteY1990" fmla="*/ 3864437 h 6858000"/>
              <a:gd name="connsiteX1991" fmla="*/ 4238348 w 6858000"/>
              <a:gd name="connsiteY1991" fmla="*/ 3863993 h 6858000"/>
              <a:gd name="connsiteX1992" fmla="*/ 4114847 w 6858000"/>
              <a:gd name="connsiteY1992" fmla="*/ 3863993 h 6858000"/>
              <a:gd name="connsiteX1993" fmla="*/ 4114847 w 6858000"/>
              <a:gd name="connsiteY1993" fmla="*/ 3864437 h 6858000"/>
              <a:gd name="connsiteX1994" fmla="*/ 4115291 w 6858000"/>
              <a:gd name="connsiteY1994" fmla="*/ 3864437 h 6858000"/>
              <a:gd name="connsiteX1995" fmla="*/ 4115291 w 6858000"/>
              <a:gd name="connsiteY1995" fmla="*/ 3863993 h 6858000"/>
              <a:gd name="connsiteX1996" fmla="*/ 3991789 w 6858000"/>
              <a:gd name="connsiteY1996" fmla="*/ 3863993 h 6858000"/>
              <a:gd name="connsiteX1997" fmla="*/ 3991789 w 6858000"/>
              <a:gd name="connsiteY1997" fmla="*/ 3864437 h 6858000"/>
              <a:gd name="connsiteX1998" fmla="*/ 3992234 w 6858000"/>
              <a:gd name="connsiteY1998" fmla="*/ 3864437 h 6858000"/>
              <a:gd name="connsiteX1999" fmla="*/ 3992234 w 6858000"/>
              <a:gd name="connsiteY1999" fmla="*/ 3863993 h 6858000"/>
              <a:gd name="connsiteX2000" fmla="*/ 3868732 w 6858000"/>
              <a:gd name="connsiteY2000" fmla="*/ 3863993 h 6858000"/>
              <a:gd name="connsiteX2001" fmla="*/ 3868732 w 6858000"/>
              <a:gd name="connsiteY2001" fmla="*/ 3864437 h 6858000"/>
              <a:gd name="connsiteX2002" fmla="*/ 3869176 w 6858000"/>
              <a:gd name="connsiteY2002" fmla="*/ 3864437 h 6858000"/>
              <a:gd name="connsiteX2003" fmla="*/ 3869176 w 6858000"/>
              <a:gd name="connsiteY2003" fmla="*/ 3863993 h 6858000"/>
              <a:gd name="connsiteX2004" fmla="*/ 3745453 w 6858000"/>
              <a:gd name="connsiteY2004" fmla="*/ 3863807 h 6858000"/>
              <a:gd name="connsiteX2005" fmla="*/ 3745453 w 6858000"/>
              <a:gd name="connsiteY2005" fmla="*/ 3864659 h 6858000"/>
              <a:gd name="connsiteX2006" fmla="*/ 3746305 w 6858000"/>
              <a:gd name="connsiteY2006" fmla="*/ 3864659 h 6858000"/>
              <a:gd name="connsiteX2007" fmla="*/ 3746305 w 6858000"/>
              <a:gd name="connsiteY2007" fmla="*/ 3863807 h 6858000"/>
              <a:gd name="connsiteX2008" fmla="*/ 3622395 w 6858000"/>
              <a:gd name="connsiteY2008" fmla="*/ 3863807 h 6858000"/>
              <a:gd name="connsiteX2009" fmla="*/ 3622395 w 6858000"/>
              <a:gd name="connsiteY2009" fmla="*/ 3864659 h 6858000"/>
              <a:gd name="connsiteX2010" fmla="*/ 3623247 w 6858000"/>
              <a:gd name="connsiteY2010" fmla="*/ 3864659 h 6858000"/>
              <a:gd name="connsiteX2011" fmla="*/ 3623247 w 6858000"/>
              <a:gd name="connsiteY2011" fmla="*/ 3863807 h 6858000"/>
              <a:gd name="connsiteX2012" fmla="*/ 3499116 w 6858000"/>
              <a:gd name="connsiteY2012" fmla="*/ 3863586 h 6858000"/>
              <a:gd name="connsiteX2013" fmla="*/ 3499116 w 6858000"/>
              <a:gd name="connsiteY2013" fmla="*/ 3864882 h 6858000"/>
              <a:gd name="connsiteX2014" fmla="*/ 3500412 w 6858000"/>
              <a:gd name="connsiteY2014" fmla="*/ 3864882 h 6858000"/>
              <a:gd name="connsiteX2015" fmla="*/ 3500412 w 6858000"/>
              <a:gd name="connsiteY2015" fmla="*/ 3863586 h 6858000"/>
              <a:gd name="connsiteX2016" fmla="*/ 3375836 w 6858000"/>
              <a:gd name="connsiteY2016" fmla="*/ 3863326 h 6858000"/>
              <a:gd name="connsiteX2017" fmla="*/ 3375836 w 6858000"/>
              <a:gd name="connsiteY2017" fmla="*/ 3865067 h 6858000"/>
              <a:gd name="connsiteX2018" fmla="*/ 3377576 w 6858000"/>
              <a:gd name="connsiteY2018" fmla="*/ 3865067 h 6858000"/>
              <a:gd name="connsiteX2019" fmla="*/ 3377576 w 6858000"/>
              <a:gd name="connsiteY2019" fmla="*/ 3863326 h 6858000"/>
              <a:gd name="connsiteX2020" fmla="*/ 3252557 w 6858000"/>
              <a:gd name="connsiteY2020" fmla="*/ 3863104 h 6858000"/>
              <a:gd name="connsiteX2021" fmla="*/ 3252557 w 6858000"/>
              <a:gd name="connsiteY2021" fmla="*/ 3865289 h 6858000"/>
              <a:gd name="connsiteX2022" fmla="*/ 3254742 w 6858000"/>
              <a:gd name="connsiteY2022" fmla="*/ 3865289 h 6858000"/>
              <a:gd name="connsiteX2023" fmla="*/ 3254742 w 6858000"/>
              <a:gd name="connsiteY2023" fmla="*/ 3863104 h 6858000"/>
              <a:gd name="connsiteX2024" fmla="*/ 3129277 w 6858000"/>
              <a:gd name="connsiteY2024" fmla="*/ 3862919 h 6858000"/>
              <a:gd name="connsiteX2025" fmla="*/ 3129277 w 6858000"/>
              <a:gd name="connsiteY2025" fmla="*/ 3865511 h 6858000"/>
              <a:gd name="connsiteX2026" fmla="*/ 3131869 w 6858000"/>
              <a:gd name="connsiteY2026" fmla="*/ 3865511 h 6858000"/>
              <a:gd name="connsiteX2027" fmla="*/ 3131869 w 6858000"/>
              <a:gd name="connsiteY2027" fmla="*/ 3862919 h 6858000"/>
              <a:gd name="connsiteX2028" fmla="*/ 3005776 w 6858000"/>
              <a:gd name="connsiteY2028" fmla="*/ 3862475 h 6858000"/>
              <a:gd name="connsiteX2029" fmla="*/ 3005776 w 6858000"/>
              <a:gd name="connsiteY2029" fmla="*/ 3865956 h 6858000"/>
              <a:gd name="connsiteX2030" fmla="*/ 3009257 w 6858000"/>
              <a:gd name="connsiteY2030" fmla="*/ 3865956 h 6858000"/>
              <a:gd name="connsiteX2031" fmla="*/ 3009257 w 6858000"/>
              <a:gd name="connsiteY2031" fmla="*/ 3862475 h 6858000"/>
              <a:gd name="connsiteX2032" fmla="*/ 2882496 w 6858000"/>
              <a:gd name="connsiteY2032" fmla="*/ 3862253 h 6858000"/>
              <a:gd name="connsiteX2033" fmla="*/ 2882496 w 6858000"/>
              <a:gd name="connsiteY2033" fmla="*/ 3866178 h 6858000"/>
              <a:gd name="connsiteX2034" fmla="*/ 2886421 w 6858000"/>
              <a:gd name="connsiteY2034" fmla="*/ 3866178 h 6858000"/>
              <a:gd name="connsiteX2035" fmla="*/ 2886421 w 6858000"/>
              <a:gd name="connsiteY2035" fmla="*/ 3862253 h 6858000"/>
              <a:gd name="connsiteX2036" fmla="*/ 2758994 w 6858000"/>
              <a:gd name="connsiteY2036" fmla="*/ 3861808 h 6858000"/>
              <a:gd name="connsiteX2037" fmla="*/ 2758994 w 6858000"/>
              <a:gd name="connsiteY2037" fmla="*/ 3866585 h 6858000"/>
              <a:gd name="connsiteX2038" fmla="*/ 2763771 w 6858000"/>
              <a:gd name="connsiteY2038" fmla="*/ 3866585 h 6858000"/>
              <a:gd name="connsiteX2039" fmla="*/ 2763771 w 6858000"/>
              <a:gd name="connsiteY2039" fmla="*/ 3861808 h 6858000"/>
              <a:gd name="connsiteX2040" fmla="*/ 2635307 w 6858000"/>
              <a:gd name="connsiteY2040" fmla="*/ 3861179 h 6858000"/>
              <a:gd name="connsiteX2041" fmla="*/ 2635307 w 6858000"/>
              <a:gd name="connsiteY2041" fmla="*/ 3867252 h 6858000"/>
              <a:gd name="connsiteX2042" fmla="*/ 2641380 w 6858000"/>
              <a:gd name="connsiteY2042" fmla="*/ 3867252 h 6858000"/>
              <a:gd name="connsiteX2043" fmla="*/ 2641380 w 6858000"/>
              <a:gd name="connsiteY2043" fmla="*/ 3861179 h 6858000"/>
              <a:gd name="connsiteX2044" fmla="*/ 2511806 w 6858000"/>
              <a:gd name="connsiteY2044" fmla="*/ 3860734 h 6858000"/>
              <a:gd name="connsiteX2045" fmla="*/ 2511806 w 6858000"/>
              <a:gd name="connsiteY2045" fmla="*/ 3867696 h 6858000"/>
              <a:gd name="connsiteX2046" fmla="*/ 2518768 w 6858000"/>
              <a:gd name="connsiteY2046" fmla="*/ 3867696 h 6858000"/>
              <a:gd name="connsiteX2047" fmla="*/ 2518768 w 6858000"/>
              <a:gd name="connsiteY2047" fmla="*/ 3860734 h 6858000"/>
              <a:gd name="connsiteX2048" fmla="*/ 2388082 w 6858000"/>
              <a:gd name="connsiteY2048" fmla="*/ 3860068 h 6858000"/>
              <a:gd name="connsiteX2049" fmla="*/ 2388082 w 6858000"/>
              <a:gd name="connsiteY2049" fmla="*/ 3868326 h 6858000"/>
              <a:gd name="connsiteX2050" fmla="*/ 2396340 w 6858000"/>
              <a:gd name="connsiteY2050" fmla="*/ 3868326 h 6858000"/>
              <a:gd name="connsiteX2051" fmla="*/ 2396340 w 6858000"/>
              <a:gd name="connsiteY2051" fmla="*/ 3860068 h 6858000"/>
              <a:gd name="connsiteX2052" fmla="*/ 2264395 w 6858000"/>
              <a:gd name="connsiteY2052" fmla="*/ 3859438 h 6858000"/>
              <a:gd name="connsiteX2053" fmla="*/ 2264395 w 6858000"/>
              <a:gd name="connsiteY2053" fmla="*/ 3868992 h 6858000"/>
              <a:gd name="connsiteX2054" fmla="*/ 2273949 w 6858000"/>
              <a:gd name="connsiteY2054" fmla="*/ 3868992 h 6858000"/>
              <a:gd name="connsiteX2055" fmla="*/ 2273949 w 6858000"/>
              <a:gd name="connsiteY2055" fmla="*/ 3859438 h 6858000"/>
              <a:gd name="connsiteX2056" fmla="*/ 2140671 w 6858000"/>
              <a:gd name="connsiteY2056" fmla="*/ 3858809 h 6858000"/>
              <a:gd name="connsiteX2057" fmla="*/ 2140671 w 6858000"/>
              <a:gd name="connsiteY2057" fmla="*/ 3869659 h 6858000"/>
              <a:gd name="connsiteX2058" fmla="*/ 2151521 w 6858000"/>
              <a:gd name="connsiteY2058" fmla="*/ 3869659 h 6858000"/>
              <a:gd name="connsiteX2059" fmla="*/ 2151521 w 6858000"/>
              <a:gd name="connsiteY2059" fmla="*/ 3858809 h 6858000"/>
              <a:gd name="connsiteX2060" fmla="*/ 2016947 w 6858000"/>
              <a:gd name="connsiteY2060" fmla="*/ 3858141 h 6858000"/>
              <a:gd name="connsiteX2061" fmla="*/ 2016947 w 6858000"/>
              <a:gd name="connsiteY2061" fmla="*/ 3870288 h 6858000"/>
              <a:gd name="connsiteX2062" fmla="*/ 2029094 w 6858000"/>
              <a:gd name="connsiteY2062" fmla="*/ 3870288 h 6858000"/>
              <a:gd name="connsiteX2063" fmla="*/ 2029094 w 6858000"/>
              <a:gd name="connsiteY2063" fmla="*/ 3858141 h 6858000"/>
              <a:gd name="connsiteX2064" fmla="*/ 1893038 w 6858000"/>
              <a:gd name="connsiteY2064" fmla="*/ 3857290 h 6858000"/>
              <a:gd name="connsiteX2065" fmla="*/ 1893038 w 6858000"/>
              <a:gd name="connsiteY2065" fmla="*/ 3871177 h 6858000"/>
              <a:gd name="connsiteX2066" fmla="*/ 1906925 w 6858000"/>
              <a:gd name="connsiteY2066" fmla="*/ 3871177 h 6858000"/>
              <a:gd name="connsiteX2067" fmla="*/ 1906925 w 6858000"/>
              <a:gd name="connsiteY2067" fmla="*/ 3857290 h 6858000"/>
              <a:gd name="connsiteX2068" fmla="*/ 1769092 w 6858000"/>
              <a:gd name="connsiteY2068" fmla="*/ 3856401 h 6858000"/>
              <a:gd name="connsiteX2069" fmla="*/ 1769092 w 6858000"/>
              <a:gd name="connsiteY2069" fmla="*/ 3872029 h 6858000"/>
              <a:gd name="connsiteX2070" fmla="*/ 1784720 w 6858000"/>
              <a:gd name="connsiteY2070" fmla="*/ 3872029 h 6858000"/>
              <a:gd name="connsiteX2071" fmla="*/ 1784720 w 6858000"/>
              <a:gd name="connsiteY2071" fmla="*/ 3856401 h 6858000"/>
              <a:gd name="connsiteX2072" fmla="*/ 1645368 w 6858000"/>
              <a:gd name="connsiteY2072" fmla="*/ 3855771 h 6858000"/>
              <a:gd name="connsiteX2073" fmla="*/ 1645368 w 6858000"/>
              <a:gd name="connsiteY2073" fmla="*/ 3872695 h 6858000"/>
              <a:gd name="connsiteX2074" fmla="*/ 1662292 w 6858000"/>
              <a:gd name="connsiteY2074" fmla="*/ 3872695 h 6858000"/>
              <a:gd name="connsiteX2075" fmla="*/ 1662292 w 6858000"/>
              <a:gd name="connsiteY2075" fmla="*/ 3855771 h 6858000"/>
              <a:gd name="connsiteX2076" fmla="*/ 1521681 w 6858000"/>
              <a:gd name="connsiteY2076" fmla="*/ 3855068 h 6858000"/>
              <a:gd name="connsiteX2077" fmla="*/ 1521681 w 6858000"/>
              <a:gd name="connsiteY2077" fmla="*/ 3873325 h 6858000"/>
              <a:gd name="connsiteX2078" fmla="*/ 1539938 w 6858000"/>
              <a:gd name="connsiteY2078" fmla="*/ 3873325 h 6858000"/>
              <a:gd name="connsiteX2079" fmla="*/ 1539938 w 6858000"/>
              <a:gd name="connsiteY2079" fmla="*/ 3855068 h 6858000"/>
              <a:gd name="connsiteX2080" fmla="*/ 1397735 w 6858000"/>
              <a:gd name="connsiteY2080" fmla="*/ 3854217 h 6858000"/>
              <a:gd name="connsiteX2081" fmla="*/ 1397735 w 6858000"/>
              <a:gd name="connsiteY2081" fmla="*/ 3874214 h 6858000"/>
              <a:gd name="connsiteX2082" fmla="*/ 1417732 w 6858000"/>
              <a:gd name="connsiteY2082" fmla="*/ 3874214 h 6858000"/>
              <a:gd name="connsiteX2083" fmla="*/ 1417732 w 6858000"/>
              <a:gd name="connsiteY2083" fmla="*/ 3854217 h 6858000"/>
              <a:gd name="connsiteX2084" fmla="*/ 1274048 w 6858000"/>
              <a:gd name="connsiteY2084" fmla="*/ 3853550 h 6858000"/>
              <a:gd name="connsiteX2085" fmla="*/ 1274048 w 6858000"/>
              <a:gd name="connsiteY2085" fmla="*/ 3874843 h 6858000"/>
              <a:gd name="connsiteX2086" fmla="*/ 1295341 w 6858000"/>
              <a:gd name="connsiteY2086" fmla="*/ 3874843 h 6858000"/>
              <a:gd name="connsiteX2087" fmla="*/ 1295341 w 6858000"/>
              <a:gd name="connsiteY2087" fmla="*/ 3853550 h 6858000"/>
              <a:gd name="connsiteX2088" fmla="*/ 1150324 w 6858000"/>
              <a:gd name="connsiteY2088" fmla="*/ 3852920 h 6858000"/>
              <a:gd name="connsiteX2089" fmla="*/ 1150324 w 6858000"/>
              <a:gd name="connsiteY2089" fmla="*/ 3875510 h 6858000"/>
              <a:gd name="connsiteX2090" fmla="*/ 1172914 w 6858000"/>
              <a:gd name="connsiteY2090" fmla="*/ 3875510 h 6858000"/>
              <a:gd name="connsiteX2091" fmla="*/ 1172914 w 6858000"/>
              <a:gd name="connsiteY2091" fmla="*/ 3852920 h 6858000"/>
              <a:gd name="connsiteX2092" fmla="*/ 1026600 w 6858000"/>
              <a:gd name="connsiteY2092" fmla="*/ 3852290 h 6858000"/>
              <a:gd name="connsiteX2093" fmla="*/ 1026600 w 6858000"/>
              <a:gd name="connsiteY2093" fmla="*/ 3876176 h 6858000"/>
              <a:gd name="connsiteX2094" fmla="*/ 1050486 w 6858000"/>
              <a:gd name="connsiteY2094" fmla="*/ 3876176 h 6858000"/>
              <a:gd name="connsiteX2095" fmla="*/ 1050486 w 6858000"/>
              <a:gd name="connsiteY2095" fmla="*/ 3852290 h 6858000"/>
              <a:gd name="connsiteX2096" fmla="*/ 903099 w 6858000"/>
              <a:gd name="connsiteY2096" fmla="*/ 3851810 h 6858000"/>
              <a:gd name="connsiteX2097" fmla="*/ 903099 w 6858000"/>
              <a:gd name="connsiteY2097" fmla="*/ 3876584 h 6858000"/>
              <a:gd name="connsiteX2098" fmla="*/ 927873 w 6858000"/>
              <a:gd name="connsiteY2098" fmla="*/ 3876584 h 6858000"/>
              <a:gd name="connsiteX2099" fmla="*/ 927873 w 6858000"/>
              <a:gd name="connsiteY2099" fmla="*/ 3851810 h 6858000"/>
              <a:gd name="connsiteX2100" fmla="*/ 779412 w 6858000"/>
              <a:gd name="connsiteY2100" fmla="*/ 3851179 h 6858000"/>
              <a:gd name="connsiteX2101" fmla="*/ 779412 w 6858000"/>
              <a:gd name="connsiteY2101" fmla="*/ 3877250 h 6858000"/>
              <a:gd name="connsiteX2102" fmla="*/ 805483 w 6858000"/>
              <a:gd name="connsiteY2102" fmla="*/ 3877250 h 6858000"/>
              <a:gd name="connsiteX2103" fmla="*/ 805483 w 6858000"/>
              <a:gd name="connsiteY2103" fmla="*/ 3851179 h 6858000"/>
              <a:gd name="connsiteX2104" fmla="*/ 655910 w 6858000"/>
              <a:gd name="connsiteY2104" fmla="*/ 3850773 h 6858000"/>
              <a:gd name="connsiteX2105" fmla="*/ 655910 w 6858000"/>
              <a:gd name="connsiteY2105" fmla="*/ 3877695 h 6858000"/>
              <a:gd name="connsiteX2106" fmla="*/ 682832 w 6858000"/>
              <a:gd name="connsiteY2106" fmla="*/ 3877695 h 6858000"/>
              <a:gd name="connsiteX2107" fmla="*/ 682832 w 6858000"/>
              <a:gd name="connsiteY2107" fmla="*/ 3850773 h 6858000"/>
              <a:gd name="connsiteX2108" fmla="*/ 532409 w 6858000"/>
              <a:gd name="connsiteY2108" fmla="*/ 3850291 h 6858000"/>
              <a:gd name="connsiteX2109" fmla="*/ 532409 w 6858000"/>
              <a:gd name="connsiteY2109" fmla="*/ 3878102 h 6858000"/>
              <a:gd name="connsiteX2110" fmla="*/ 560220 w 6858000"/>
              <a:gd name="connsiteY2110" fmla="*/ 3878102 h 6858000"/>
              <a:gd name="connsiteX2111" fmla="*/ 560220 w 6858000"/>
              <a:gd name="connsiteY2111" fmla="*/ 3850291 h 6858000"/>
              <a:gd name="connsiteX2112" fmla="*/ 409129 w 6858000"/>
              <a:gd name="connsiteY2112" fmla="*/ 3850106 h 6858000"/>
              <a:gd name="connsiteX2113" fmla="*/ 409129 w 6858000"/>
              <a:gd name="connsiteY2113" fmla="*/ 3878324 h 6858000"/>
              <a:gd name="connsiteX2114" fmla="*/ 437347 w 6858000"/>
              <a:gd name="connsiteY2114" fmla="*/ 3878324 h 6858000"/>
              <a:gd name="connsiteX2115" fmla="*/ 437347 w 6858000"/>
              <a:gd name="connsiteY2115" fmla="*/ 3850106 h 6858000"/>
              <a:gd name="connsiteX2116" fmla="*/ 285849 w 6858000"/>
              <a:gd name="connsiteY2116" fmla="*/ 3849883 h 6858000"/>
              <a:gd name="connsiteX2117" fmla="*/ 285849 w 6858000"/>
              <a:gd name="connsiteY2117" fmla="*/ 3878546 h 6858000"/>
              <a:gd name="connsiteX2118" fmla="*/ 314512 w 6858000"/>
              <a:gd name="connsiteY2118" fmla="*/ 3878546 h 6858000"/>
              <a:gd name="connsiteX2119" fmla="*/ 314512 w 6858000"/>
              <a:gd name="connsiteY2119" fmla="*/ 3849883 h 6858000"/>
              <a:gd name="connsiteX2120" fmla="*/ 39735 w 6858000"/>
              <a:gd name="connsiteY2120" fmla="*/ 3849883 h 6858000"/>
              <a:gd name="connsiteX2121" fmla="*/ 39735 w 6858000"/>
              <a:gd name="connsiteY2121" fmla="*/ 3878546 h 6858000"/>
              <a:gd name="connsiteX2122" fmla="*/ 68398 w 6858000"/>
              <a:gd name="connsiteY2122" fmla="*/ 3878546 h 6858000"/>
              <a:gd name="connsiteX2123" fmla="*/ 68398 w 6858000"/>
              <a:gd name="connsiteY2123" fmla="*/ 3849883 h 6858000"/>
              <a:gd name="connsiteX2124" fmla="*/ 162570 w 6858000"/>
              <a:gd name="connsiteY2124" fmla="*/ 3849662 h 6858000"/>
              <a:gd name="connsiteX2125" fmla="*/ 162570 w 6858000"/>
              <a:gd name="connsiteY2125" fmla="*/ 3878769 h 6858000"/>
              <a:gd name="connsiteX2126" fmla="*/ 191677 w 6858000"/>
              <a:gd name="connsiteY2126" fmla="*/ 3878769 h 6858000"/>
              <a:gd name="connsiteX2127" fmla="*/ 191677 w 6858000"/>
              <a:gd name="connsiteY2127" fmla="*/ 3849662 h 6858000"/>
              <a:gd name="connsiteX2128" fmla="*/ 4484019 w 6858000"/>
              <a:gd name="connsiteY2128" fmla="*/ 3740936 h 6858000"/>
              <a:gd name="connsiteX2129" fmla="*/ 4484019 w 6858000"/>
              <a:gd name="connsiteY2129" fmla="*/ 3741380 h 6858000"/>
              <a:gd name="connsiteX2130" fmla="*/ 4484463 w 6858000"/>
              <a:gd name="connsiteY2130" fmla="*/ 3741380 h 6858000"/>
              <a:gd name="connsiteX2131" fmla="*/ 4484463 w 6858000"/>
              <a:gd name="connsiteY2131" fmla="*/ 3740936 h 6858000"/>
              <a:gd name="connsiteX2132" fmla="*/ 4360961 w 6858000"/>
              <a:gd name="connsiteY2132" fmla="*/ 3740936 h 6858000"/>
              <a:gd name="connsiteX2133" fmla="*/ 4360961 w 6858000"/>
              <a:gd name="connsiteY2133" fmla="*/ 3741380 h 6858000"/>
              <a:gd name="connsiteX2134" fmla="*/ 4361405 w 6858000"/>
              <a:gd name="connsiteY2134" fmla="*/ 3741380 h 6858000"/>
              <a:gd name="connsiteX2135" fmla="*/ 4361405 w 6858000"/>
              <a:gd name="connsiteY2135" fmla="*/ 3740936 h 6858000"/>
              <a:gd name="connsiteX2136" fmla="*/ 4237904 w 6858000"/>
              <a:gd name="connsiteY2136" fmla="*/ 3740936 h 6858000"/>
              <a:gd name="connsiteX2137" fmla="*/ 4237904 w 6858000"/>
              <a:gd name="connsiteY2137" fmla="*/ 3741380 h 6858000"/>
              <a:gd name="connsiteX2138" fmla="*/ 4238348 w 6858000"/>
              <a:gd name="connsiteY2138" fmla="*/ 3741380 h 6858000"/>
              <a:gd name="connsiteX2139" fmla="*/ 4238348 w 6858000"/>
              <a:gd name="connsiteY2139" fmla="*/ 3740936 h 6858000"/>
              <a:gd name="connsiteX2140" fmla="*/ 4114847 w 6858000"/>
              <a:gd name="connsiteY2140" fmla="*/ 3740936 h 6858000"/>
              <a:gd name="connsiteX2141" fmla="*/ 4114847 w 6858000"/>
              <a:gd name="connsiteY2141" fmla="*/ 3741380 h 6858000"/>
              <a:gd name="connsiteX2142" fmla="*/ 4115291 w 6858000"/>
              <a:gd name="connsiteY2142" fmla="*/ 3741380 h 6858000"/>
              <a:gd name="connsiteX2143" fmla="*/ 4115291 w 6858000"/>
              <a:gd name="connsiteY2143" fmla="*/ 3740936 h 6858000"/>
              <a:gd name="connsiteX2144" fmla="*/ 3991789 w 6858000"/>
              <a:gd name="connsiteY2144" fmla="*/ 3740936 h 6858000"/>
              <a:gd name="connsiteX2145" fmla="*/ 3991789 w 6858000"/>
              <a:gd name="connsiteY2145" fmla="*/ 3741380 h 6858000"/>
              <a:gd name="connsiteX2146" fmla="*/ 3992234 w 6858000"/>
              <a:gd name="connsiteY2146" fmla="*/ 3741380 h 6858000"/>
              <a:gd name="connsiteX2147" fmla="*/ 3992234 w 6858000"/>
              <a:gd name="connsiteY2147" fmla="*/ 3740936 h 6858000"/>
              <a:gd name="connsiteX2148" fmla="*/ 3868732 w 6858000"/>
              <a:gd name="connsiteY2148" fmla="*/ 3740936 h 6858000"/>
              <a:gd name="connsiteX2149" fmla="*/ 3868732 w 6858000"/>
              <a:gd name="connsiteY2149" fmla="*/ 3741380 h 6858000"/>
              <a:gd name="connsiteX2150" fmla="*/ 3869176 w 6858000"/>
              <a:gd name="connsiteY2150" fmla="*/ 3741380 h 6858000"/>
              <a:gd name="connsiteX2151" fmla="*/ 3869176 w 6858000"/>
              <a:gd name="connsiteY2151" fmla="*/ 3740936 h 6858000"/>
              <a:gd name="connsiteX2152" fmla="*/ 3745453 w 6858000"/>
              <a:gd name="connsiteY2152" fmla="*/ 3740750 h 6858000"/>
              <a:gd name="connsiteX2153" fmla="*/ 3745453 w 6858000"/>
              <a:gd name="connsiteY2153" fmla="*/ 3741602 h 6858000"/>
              <a:gd name="connsiteX2154" fmla="*/ 3746305 w 6858000"/>
              <a:gd name="connsiteY2154" fmla="*/ 3741602 h 6858000"/>
              <a:gd name="connsiteX2155" fmla="*/ 3746305 w 6858000"/>
              <a:gd name="connsiteY2155" fmla="*/ 3740750 h 6858000"/>
              <a:gd name="connsiteX2156" fmla="*/ 3622395 w 6858000"/>
              <a:gd name="connsiteY2156" fmla="*/ 3740750 h 6858000"/>
              <a:gd name="connsiteX2157" fmla="*/ 3622395 w 6858000"/>
              <a:gd name="connsiteY2157" fmla="*/ 3741602 h 6858000"/>
              <a:gd name="connsiteX2158" fmla="*/ 3623247 w 6858000"/>
              <a:gd name="connsiteY2158" fmla="*/ 3741602 h 6858000"/>
              <a:gd name="connsiteX2159" fmla="*/ 3623247 w 6858000"/>
              <a:gd name="connsiteY2159" fmla="*/ 3740750 h 6858000"/>
              <a:gd name="connsiteX2160" fmla="*/ 3499116 w 6858000"/>
              <a:gd name="connsiteY2160" fmla="*/ 3740491 h 6858000"/>
              <a:gd name="connsiteX2161" fmla="*/ 3499116 w 6858000"/>
              <a:gd name="connsiteY2161" fmla="*/ 3741787 h 6858000"/>
              <a:gd name="connsiteX2162" fmla="*/ 3500412 w 6858000"/>
              <a:gd name="connsiteY2162" fmla="*/ 3741787 h 6858000"/>
              <a:gd name="connsiteX2163" fmla="*/ 3500412 w 6858000"/>
              <a:gd name="connsiteY2163" fmla="*/ 3740491 h 6858000"/>
              <a:gd name="connsiteX2164" fmla="*/ 3375836 w 6858000"/>
              <a:gd name="connsiteY2164" fmla="*/ 3740269 h 6858000"/>
              <a:gd name="connsiteX2165" fmla="*/ 3375836 w 6858000"/>
              <a:gd name="connsiteY2165" fmla="*/ 3742009 h 6858000"/>
              <a:gd name="connsiteX2166" fmla="*/ 3377576 w 6858000"/>
              <a:gd name="connsiteY2166" fmla="*/ 3742009 h 6858000"/>
              <a:gd name="connsiteX2167" fmla="*/ 3377576 w 6858000"/>
              <a:gd name="connsiteY2167" fmla="*/ 3740269 h 6858000"/>
              <a:gd name="connsiteX2168" fmla="*/ 3252557 w 6858000"/>
              <a:gd name="connsiteY2168" fmla="*/ 3740047 h 6858000"/>
              <a:gd name="connsiteX2169" fmla="*/ 3252557 w 6858000"/>
              <a:gd name="connsiteY2169" fmla="*/ 3742232 h 6858000"/>
              <a:gd name="connsiteX2170" fmla="*/ 3254742 w 6858000"/>
              <a:gd name="connsiteY2170" fmla="*/ 3742232 h 6858000"/>
              <a:gd name="connsiteX2171" fmla="*/ 3254742 w 6858000"/>
              <a:gd name="connsiteY2171" fmla="*/ 3740047 h 6858000"/>
              <a:gd name="connsiteX2172" fmla="*/ 3129055 w 6858000"/>
              <a:gd name="connsiteY2172" fmla="*/ 3739639 h 6858000"/>
              <a:gd name="connsiteX2173" fmla="*/ 3129055 w 6858000"/>
              <a:gd name="connsiteY2173" fmla="*/ 3742676 h 6858000"/>
              <a:gd name="connsiteX2174" fmla="*/ 3132092 w 6858000"/>
              <a:gd name="connsiteY2174" fmla="*/ 3742676 h 6858000"/>
              <a:gd name="connsiteX2175" fmla="*/ 3132092 w 6858000"/>
              <a:gd name="connsiteY2175" fmla="*/ 3739639 h 6858000"/>
              <a:gd name="connsiteX2176" fmla="*/ 3005776 w 6858000"/>
              <a:gd name="connsiteY2176" fmla="*/ 3739417 h 6858000"/>
              <a:gd name="connsiteX2177" fmla="*/ 3005776 w 6858000"/>
              <a:gd name="connsiteY2177" fmla="*/ 3742898 h 6858000"/>
              <a:gd name="connsiteX2178" fmla="*/ 3009257 w 6858000"/>
              <a:gd name="connsiteY2178" fmla="*/ 3742898 h 6858000"/>
              <a:gd name="connsiteX2179" fmla="*/ 3009257 w 6858000"/>
              <a:gd name="connsiteY2179" fmla="*/ 3739417 h 6858000"/>
              <a:gd name="connsiteX2180" fmla="*/ 2882274 w 6858000"/>
              <a:gd name="connsiteY2180" fmla="*/ 3739010 h 6858000"/>
              <a:gd name="connsiteX2181" fmla="*/ 2882274 w 6858000"/>
              <a:gd name="connsiteY2181" fmla="*/ 3743343 h 6858000"/>
              <a:gd name="connsiteX2182" fmla="*/ 2886607 w 6858000"/>
              <a:gd name="connsiteY2182" fmla="*/ 3743343 h 6858000"/>
              <a:gd name="connsiteX2183" fmla="*/ 2886607 w 6858000"/>
              <a:gd name="connsiteY2183" fmla="*/ 3739010 h 6858000"/>
              <a:gd name="connsiteX2184" fmla="*/ 2758587 w 6858000"/>
              <a:gd name="connsiteY2184" fmla="*/ 3738343 h 6858000"/>
              <a:gd name="connsiteX2185" fmla="*/ 2758587 w 6858000"/>
              <a:gd name="connsiteY2185" fmla="*/ 3743972 h 6858000"/>
              <a:gd name="connsiteX2186" fmla="*/ 2764216 w 6858000"/>
              <a:gd name="connsiteY2186" fmla="*/ 3743972 h 6858000"/>
              <a:gd name="connsiteX2187" fmla="*/ 2764216 w 6858000"/>
              <a:gd name="connsiteY2187" fmla="*/ 3738343 h 6858000"/>
              <a:gd name="connsiteX2188" fmla="*/ 2635085 w 6858000"/>
              <a:gd name="connsiteY2188" fmla="*/ 3737899 h 6858000"/>
              <a:gd name="connsiteX2189" fmla="*/ 2635085 w 6858000"/>
              <a:gd name="connsiteY2189" fmla="*/ 3744417 h 6858000"/>
              <a:gd name="connsiteX2190" fmla="*/ 2641603 w 6858000"/>
              <a:gd name="connsiteY2190" fmla="*/ 3744417 h 6858000"/>
              <a:gd name="connsiteX2191" fmla="*/ 2641603 w 6858000"/>
              <a:gd name="connsiteY2191" fmla="*/ 3737899 h 6858000"/>
              <a:gd name="connsiteX2192" fmla="*/ 2511361 w 6858000"/>
              <a:gd name="connsiteY2192" fmla="*/ 3737232 h 6858000"/>
              <a:gd name="connsiteX2193" fmla="*/ 2511361 w 6858000"/>
              <a:gd name="connsiteY2193" fmla="*/ 3745046 h 6858000"/>
              <a:gd name="connsiteX2194" fmla="*/ 2519175 w 6858000"/>
              <a:gd name="connsiteY2194" fmla="*/ 3745046 h 6858000"/>
              <a:gd name="connsiteX2195" fmla="*/ 2519175 w 6858000"/>
              <a:gd name="connsiteY2195" fmla="*/ 3737232 h 6858000"/>
              <a:gd name="connsiteX2196" fmla="*/ 2387674 w 6858000"/>
              <a:gd name="connsiteY2196" fmla="*/ 3736603 h 6858000"/>
              <a:gd name="connsiteX2197" fmla="*/ 2387674 w 6858000"/>
              <a:gd name="connsiteY2197" fmla="*/ 3745713 h 6858000"/>
              <a:gd name="connsiteX2198" fmla="*/ 2396784 w 6858000"/>
              <a:gd name="connsiteY2198" fmla="*/ 3745713 h 6858000"/>
              <a:gd name="connsiteX2199" fmla="*/ 2396784 w 6858000"/>
              <a:gd name="connsiteY2199" fmla="*/ 3736603 h 6858000"/>
              <a:gd name="connsiteX2200" fmla="*/ 2263728 w 6858000"/>
              <a:gd name="connsiteY2200" fmla="*/ 3735751 h 6858000"/>
              <a:gd name="connsiteX2201" fmla="*/ 2263728 w 6858000"/>
              <a:gd name="connsiteY2201" fmla="*/ 3746601 h 6858000"/>
              <a:gd name="connsiteX2202" fmla="*/ 2274578 w 6858000"/>
              <a:gd name="connsiteY2202" fmla="*/ 3746601 h 6858000"/>
              <a:gd name="connsiteX2203" fmla="*/ 2274578 w 6858000"/>
              <a:gd name="connsiteY2203" fmla="*/ 3735751 h 6858000"/>
              <a:gd name="connsiteX2204" fmla="*/ 2140004 w 6858000"/>
              <a:gd name="connsiteY2204" fmla="*/ 3735084 h 6858000"/>
              <a:gd name="connsiteX2205" fmla="*/ 2140004 w 6858000"/>
              <a:gd name="connsiteY2205" fmla="*/ 3747231 h 6858000"/>
              <a:gd name="connsiteX2206" fmla="*/ 2152151 w 6858000"/>
              <a:gd name="connsiteY2206" fmla="*/ 3747231 h 6858000"/>
              <a:gd name="connsiteX2207" fmla="*/ 2152151 w 6858000"/>
              <a:gd name="connsiteY2207" fmla="*/ 3735084 h 6858000"/>
              <a:gd name="connsiteX2208" fmla="*/ 2016095 w 6858000"/>
              <a:gd name="connsiteY2208" fmla="*/ 3734233 h 6858000"/>
              <a:gd name="connsiteX2209" fmla="*/ 2016095 w 6858000"/>
              <a:gd name="connsiteY2209" fmla="*/ 3748120 h 6858000"/>
              <a:gd name="connsiteX2210" fmla="*/ 2029982 w 6858000"/>
              <a:gd name="connsiteY2210" fmla="*/ 3748120 h 6858000"/>
              <a:gd name="connsiteX2211" fmla="*/ 2029982 w 6858000"/>
              <a:gd name="connsiteY2211" fmla="*/ 3734233 h 6858000"/>
              <a:gd name="connsiteX2212" fmla="*/ 1892149 w 6858000"/>
              <a:gd name="connsiteY2212" fmla="*/ 3733344 h 6858000"/>
              <a:gd name="connsiteX2213" fmla="*/ 1892149 w 6858000"/>
              <a:gd name="connsiteY2213" fmla="*/ 3748971 h 6858000"/>
              <a:gd name="connsiteX2214" fmla="*/ 1907776 w 6858000"/>
              <a:gd name="connsiteY2214" fmla="*/ 3748971 h 6858000"/>
              <a:gd name="connsiteX2215" fmla="*/ 1907776 w 6858000"/>
              <a:gd name="connsiteY2215" fmla="*/ 3733344 h 6858000"/>
              <a:gd name="connsiteX2216" fmla="*/ 1768240 w 6858000"/>
              <a:gd name="connsiteY2216" fmla="*/ 3732455 h 6858000"/>
              <a:gd name="connsiteX2217" fmla="*/ 1768240 w 6858000"/>
              <a:gd name="connsiteY2217" fmla="*/ 3749823 h 6858000"/>
              <a:gd name="connsiteX2218" fmla="*/ 1785608 w 6858000"/>
              <a:gd name="connsiteY2218" fmla="*/ 3749823 h 6858000"/>
              <a:gd name="connsiteX2219" fmla="*/ 1785608 w 6858000"/>
              <a:gd name="connsiteY2219" fmla="*/ 3732455 h 6858000"/>
              <a:gd name="connsiteX2220" fmla="*/ 1644294 w 6858000"/>
              <a:gd name="connsiteY2220" fmla="*/ 3731604 h 6858000"/>
              <a:gd name="connsiteX2221" fmla="*/ 1644294 w 6858000"/>
              <a:gd name="connsiteY2221" fmla="*/ 3750712 h 6858000"/>
              <a:gd name="connsiteX2222" fmla="*/ 1663402 w 6858000"/>
              <a:gd name="connsiteY2222" fmla="*/ 3750712 h 6858000"/>
              <a:gd name="connsiteX2223" fmla="*/ 1663402 w 6858000"/>
              <a:gd name="connsiteY2223" fmla="*/ 3731604 h 6858000"/>
              <a:gd name="connsiteX2224" fmla="*/ 1520385 w 6858000"/>
              <a:gd name="connsiteY2224" fmla="*/ 3730715 h 6858000"/>
              <a:gd name="connsiteX2225" fmla="*/ 1520385 w 6858000"/>
              <a:gd name="connsiteY2225" fmla="*/ 3751564 h 6858000"/>
              <a:gd name="connsiteX2226" fmla="*/ 1541234 w 6858000"/>
              <a:gd name="connsiteY2226" fmla="*/ 3751564 h 6858000"/>
              <a:gd name="connsiteX2227" fmla="*/ 1541234 w 6858000"/>
              <a:gd name="connsiteY2227" fmla="*/ 3730715 h 6858000"/>
              <a:gd name="connsiteX2228" fmla="*/ 1396439 w 6858000"/>
              <a:gd name="connsiteY2228" fmla="*/ 3729863 h 6858000"/>
              <a:gd name="connsiteX2229" fmla="*/ 1396439 w 6858000"/>
              <a:gd name="connsiteY2229" fmla="*/ 3752452 h 6858000"/>
              <a:gd name="connsiteX2230" fmla="*/ 1419029 w 6858000"/>
              <a:gd name="connsiteY2230" fmla="*/ 3752452 h 6858000"/>
              <a:gd name="connsiteX2231" fmla="*/ 1419029 w 6858000"/>
              <a:gd name="connsiteY2231" fmla="*/ 3729863 h 6858000"/>
              <a:gd name="connsiteX2232" fmla="*/ 1272530 w 6858000"/>
              <a:gd name="connsiteY2232" fmla="*/ 3728974 h 6858000"/>
              <a:gd name="connsiteX2233" fmla="*/ 1272530 w 6858000"/>
              <a:gd name="connsiteY2233" fmla="*/ 3753304 h 6858000"/>
              <a:gd name="connsiteX2234" fmla="*/ 1296860 w 6858000"/>
              <a:gd name="connsiteY2234" fmla="*/ 3753304 h 6858000"/>
              <a:gd name="connsiteX2235" fmla="*/ 1296860 w 6858000"/>
              <a:gd name="connsiteY2235" fmla="*/ 3728974 h 6858000"/>
              <a:gd name="connsiteX2236" fmla="*/ 1148806 w 6858000"/>
              <a:gd name="connsiteY2236" fmla="*/ 3728345 h 6858000"/>
              <a:gd name="connsiteX2237" fmla="*/ 1148806 w 6858000"/>
              <a:gd name="connsiteY2237" fmla="*/ 3753971 h 6858000"/>
              <a:gd name="connsiteX2238" fmla="*/ 1174432 w 6858000"/>
              <a:gd name="connsiteY2238" fmla="*/ 3753971 h 6858000"/>
              <a:gd name="connsiteX2239" fmla="*/ 1174432 w 6858000"/>
              <a:gd name="connsiteY2239" fmla="*/ 3728345 h 6858000"/>
              <a:gd name="connsiteX2240" fmla="*/ 1024860 w 6858000"/>
              <a:gd name="connsiteY2240" fmla="*/ 3727456 h 6858000"/>
              <a:gd name="connsiteX2241" fmla="*/ 1024860 w 6858000"/>
              <a:gd name="connsiteY2241" fmla="*/ 3754823 h 6858000"/>
              <a:gd name="connsiteX2242" fmla="*/ 1052227 w 6858000"/>
              <a:gd name="connsiteY2242" fmla="*/ 3754823 h 6858000"/>
              <a:gd name="connsiteX2243" fmla="*/ 1052227 w 6858000"/>
              <a:gd name="connsiteY2243" fmla="*/ 3727456 h 6858000"/>
              <a:gd name="connsiteX2244" fmla="*/ 901173 w 6858000"/>
              <a:gd name="connsiteY2244" fmla="*/ 3726826 h 6858000"/>
              <a:gd name="connsiteX2245" fmla="*/ 901173 w 6858000"/>
              <a:gd name="connsiteY2245" fmla="*/ 3755489 h 6858000"/>
              <a:gd name="connsiteX2246" fmla="*/ 929836 w 6858000"/>
              <a:gd name="connsiteY2246" fmla="*/ 3755489 h 6858000"/>
              <a:gd name="connsiteX2247" fmla="*/ 929836 w 6858000"/>
              <a:gd name="connsiteY2247" fmla="*/ 3726826 h 6858000"/>
              <a:gd name="connsiteX2248" fmla="*/ 777449 w 6858000"/>
              <a:gd name="connsiteY2248" fmla="*/ 3726197 h 6858000"/>
              <a:gd name="connsiteX2249" fmla="*/ 777449 w 6858000"/>
              <a:gd name="connsiteY2249" fmla="*/ 3756156 h 6858000"/>
              <a:gd name="connsiteX2250" fmla="*/ 807408 w 6858000"/>
              <a:gd name="connsiteY2250" fmla="*/ 3756156 h 6858000"/>
              <a:gd name="connsiteX2251" fmla="*/ 807408 w 6858000"/>
              <a:gd name="connsiteY2251" fmla="*/ 3726197 h 6858000"/>
              <a:gd name="connsiteX2252" fmla="*/ 653948 w 6858000"/>
              <a:gd name="connsiteY2252" fmla="*/ 3725715 h 6858000"/>
              <a:gd name="connsiteX2253" fmla="*/ 653948 w 6858000"/>
              <a:gd name="connsiteY2253" fmla="*/ 3756563 h 6858000"/>
              <a:gd name="connsiteX2254" fmla="*/ 684796 w 6858000"/>
              <a:gd name="connsiteY2254" fmla="*/ 3756563 h 6858000"/>
              <a:gd name="connsiteX2255" fmla="*/ 684796 w 6858000"/>
              <a:gd name="connsiteY2255" fmla="*/ 3725715 h 6858000"/>
              <a:gd name="connsiteX2256" fmla="*/ 530446 w 6858000"/>
              <a:gd name="connsiteY2256" fmla="*/ 3725308 h 6858000"/>
              <a:gd name="connsiteX2257" fmla="*/ 530446 w 6858000"/>
              <a:gd name="connsiteY2257" fmla="*/ 3757007 h 6858000"/>
              <a:gd name="connsiteX2258" fmla="*/ 562145 w 6858000"/>
              <a:gd name="connsiteY2258" fmla="*/ 3757007 h 6858000"/>
              <a:gd name="connsiteX2259" fmla="*/ 562145 w 6858000"/>
              <a:gd name="connsiteY2259" fmla="*/ 3725308 h 6858000"/>
              <a:gd name="connsiteX2260" fmla="*/ 406981 w 6858000"/>
              <a:gd name="connsiteY2260" fmla="*/ 3724864 h 6858000"/>
              <a:gd name="connsiteX2261" fmla="*/ 406981 w 6858000"/>
              <a:gd name="connsiteY2261" fmla="*/ 3757452 h 6858000"/>
              <a:gd name="connsiteX2262" fmla="*/ 439569 w 6858000"/>
              <a:gd name="connsiteY2262" fmla="*/ 3757452 h 6858000"/>
              <a:gd name="connsiteX2263" fmla="*/ 439569 w 6858000"/>
              <a:gd name="connsiteY2263" fmla="*/ 3724864 h 6858000"/>
              <a:gd name="connsiteX2264" fmla="*/ 283702 w 6858000"/>
              <a:gd name="connsiteY2264" fmla="*/ 3724679 h 6858000"/>
              <a:gd name="connsiteX2265" fmla="*/ 283702 w 6858000"/>
              <a:gd name="connsiteY2265" fmla="*/ 3757674 h 6858000"/>
              <a:gd name="connsiteX2266" fmla="*/ 316698 w 6858000"/>
              <a:gd name="connsiteY2266" fmla="*/ 3757674 h 6858000"/>
              <a:gd name="connsiteX2267" fmla="*/ 316698 w 6858000"/>
              <a:gd name="connsiteY2267" fmla="*/ 3724679 h 6858000"/>
              <a:gd name="connsiteX2268" fmla="*/ 37587 w 6858000"/>
              <a:gd name="connsiteY2268" fmla="*/ 3724679 h 6858000"/>
              <a:gd name="connsiteX2269" fmla="*/ 37587 w 6858000"/>
              <a:gd name="connsiteY2269" fmla="*/ 3757674 h 6858000"/>
              <a:gd name="connsiteX2270" fmla="*/ 70583 w 6858000"/>
              <a:gd name="connsiteY2270" fmla="*/ 3757674 h 6858000"/>
              <a:gd name="connsiteX2271" fmla="*/ 70583 w 6858000"/>
              <a:gd name="connsiteY2271" fmla="*/ 3724679 h 6858000"/>
              <a:gd name="connsiteX2272" fmla="*/ 160422 w 6858000"/>
              <a:gd name="connsiteY2272" fmla="*/ 3724419 h 6858000"/>
              <a:gd name="connsiteX2273" fmla="*/ 160422 w 6858000"/>
              <a:gd name="connsiteY2273" fmla="*/ 3757859 h 6858000"/>
              <a:gd name="connsiteX2274" fmla="*/ 193862 w 6858000"/>
              <a:gd name="connsiteY2274" fmla="*/ 3757859 h 6858000"/>
              <a:gd name="connsiteX2275" fmla="*/ 193862 w 6858000"/>
              <a:gd name="connsiteY2275" fmla="*/ 3724419 h 6858000"/>
              <a:gd name="connsiteX2276" fmla="*/ 4484019 w 6858000"/>
              <a:gd name="connsiteY2276" fmla="*/ 3617879 h 6858000"/>
              <a:gd name="connsiteX2277" fmla="*/ 4484019 w 6858000"/>
              <a:gd name="connsiteY2277" fmla="*/ 3618323 h 6858000"/>
              <a:gd name="connsiteX2278" fmla="*/ 4484463 w 6858000"/>
              <a:gd name="connsiteY2278" fmla="*/ 3618323 h 6858000"/>
              <a:gd name="connsiteX2279" fmla="*/ 4484463 w 6858000"/>
              <a:gd name="connsiteY2279" fmla="*/ 3617879 h 6858000"/>
              <a:gd name="connsiteX2280" fmla="*/ 4360961 w 6858000"/>
              <a:gd name="connsiteY2280" fmla="*/ 3617879 h 6858000"/>
              <a:gd name="connsiteX2281" fmla="*/ 4360961 w 6858000"/>
              <a:gd name="connsiteY2281" fmla="*/ 3618323 h 6858000"/>
              <a:gd name="connsiteX2282" fmla="*/ 4361405 w 6858000"/>
              <a:gd name="connsiteY2282" fmla="*/ 3618323 h 6858000"/>
              <a:gd name="connsiteX2283" fmla="*/ 4361405 w 6858000"/>
              <a:gd name="connsiteY2283" fmla="*/ 3617879 h 6858000"/>
              <a:gd name="connsiteX2284" fmla="*/ 4237904 w 6858000"/>
              <a:gd name="connsiteY2284" fmla="*/ 3617879 h 6858000"/>
              <a:gd name="connsiteX2285" fmla="*/ 4237904 w 6858000"/>
              <a:gd name="connsiteY2285" fmla="*/ 3618323 h 6858000"/>
              <a:gd name="connsiteX2286" fmla="*/ 4238348 w 6858000"/>
              <a:gd name="connsiteY2286" fmla="*/ 3618323 h 6858000"/>
              <a:gd name="connsiteX2287" fmla="*/ 4238348 w 6858000"/>
              <a:gd name="connsiteY2287" fmla="*/ 3617879 h 6858000"/>
              <a:gd name="connsiteX2288" fmla="*/ 4114847 w 6858000"/>
              <a:gd name="connsiteY2288" fmla="*/ 3617879 h 6858000"/>
              <a:gd name="connsiteX2289" fmla="*/ 4114847 w 6858000"/>
              <a:gd name="connsiteY2289" fmla="*/ 3618323 h 6858000"/>
              <a:gd name="connsiteX2290" fmla="*/ 4115291 w 6858000"/>
              <a:gd name="connsiteY2290" fmla="*/ 3618323 h 6858000"/>
              <a:gd name="connsiteX2291" fmla="*/ 4115291 w 6858000"/>
              <a:gd name="connsiteY2291" fmla="*/ 3617879 h 6858000"/>
              <a:gd name="connsiteX2292" fmla="*/ 3991789 w 6858000"/>
              <a:gd name="connsiteY2292" fmla="*/ 3617879 h 6858000"/>
              <a:gd name="connsiteX2293" fmla="*/ 3991789 w 6858000"/>
              <a:gd name="connsiteY2293" fmla="*/ 3618323 h 6858000"/>
              <a:gd name="connsiteX2294" fmla="*/ 3992234 w 6858000"/>
              <a:gd name="connsiteY2294" fmla="*/ 3618323 h 6858000"/>
              <a:gd name="connsiteX2295" fmla="*/ 3992234 w 6858000"/>
              <a:gd name="connsiteY2295" fmla="*/ 3617879 h 6858000"/>
              <a:gd name="connsiteX2296" fmla="*/ 3868732 w 6858000"/>
              <a:gd name="connsiteY2296" fmla="*/ 3617879 h 6858000"/>
              <a:gd name="connsiteX2297" fmla="*/ 3868732 w 6858000"/>
              <a:gd name="connsiteY2297" fmla="*/ 3618323 h 6858000"/>
              <a:gd name="connsiteX2298" fmla="*/ 3869176 w 6858000"/>
              <a:gd name="connsiteY2298" fmla="*/ 3618323 h 6858000"/>
              <a:gd name="connsiteX2299" fmla="*/ 3869176 w 6858000"/>
              <a:gd name="connsiteY2299" fmla="*/ 3617879 h 6858000"/>
              <a:gd name="connsiteX2300" fmla="*/ 3745453 w 6858000"/>
              <a:gd name="connsiteY2300" fmla="*/ 3617693 h 6858000"/>
              <a:gd name="connsiteX2301" fmla="*/ 3745453 w 6858000"/>
              <a:gd name="connsiteY2301" fmla="*/ 3618545 h 6858000"/>
              <a:gd name="connsiteX2302" fmla="*/ 3746305 w 6858000"/>
              <a:gd name="connsiteY2302" fmla="*/ 3618545 h 6858000"/>
              <a:gd name="connsiteX2303" fmla="*/ 3746305 w 6858000"/>
              <a:gd name="connsiteY2303" fmla="*/ 3617693 h 6858000"/>
              <a:gd name="connsiteX2304" fmla="*/ 3622395 w 6858000"/>
              <a:gd name="connsiteY2304" fmla="*/ 3617693 h 6858000"/>
              <a:gd name="connsiteX2305" fmla="*/ 3622395 w 6858000"/>
              <a:gd name="connsiteY2305" fmla="*/ 3618545 h 6858000"/>
              <a:gd name="connsiteX2306" fmla="*/ 3623247 w 6858000"/>
              <a:gd name="connsiteY2306" fmla="*/ 3618545 h 6858000"/>
              <a:gd name="connsiteX2307" fmla="*/ 3623247 w 6858000"/>
              <a:gd name="connsiteY2307" fmla="*/ 3617693 h 6858000"/>
              <a:gd name="connsiteX2308" fmla="*/ 3499116 w 6858000"/>
              <a:gd name="connsiteY2308" fmla="*/ 3617434 h 6858000"/>
              <a:gd name="connsiteX2309" fmla="*/ 3499116 w 6858000"/>
              <a:gd name="connsiteY2309" fmla="*/ 3618730 h 6858000"/>
              <a:gd name="connsiteX2310" fmla="*/ 3500412 w 6858000"/>
              <a:gd name="connsiteY2310" fmla="*/ 3618730 h 6858000"/>
              <a:gd name="connsiteX2311" fmla="*/ 3500412 w 6858000"/>
              <a:gd name="connsiteY2311" fmla="*/ 3617434 h 6858000"/>
              <a:gd name="connsiteX2312" fmla="*/ 3375836 w 6858000"/>
              <a:gd name="connsiteY2312" fmla="*/ 3617212 h 6858000"/>
              <a:gd name="connsiteX2313" fmla="*/ 3375836 w 6858000"/>
              <a:gd name="connsiteY2313" fmla="*/ 3618952 h 6858000"/>
              <a:gd name="connsiteX2314" fmla="*/ 3377576 w 6858000"/>
              <a:gd name="connsiteY2314" fmla="*/ 3618952 h 6858000"/>
              <a:gd name="connsiteX2315" fmla="*/ 3377576 w 6858000"/>
              <a:gd name="connsiteY2315" fmla="*/ 3617212 h 6858000"/>
              <a:gd name="connsiteX2316" fmla="*/ 3252557 w 6858000"/>
              <a:gd name="connsiteY2316" fmla="*/ 3616989 h 6858000"/>
              <a:gd name="connsiteX2317" fmla="*/ 3252557 w 6858000"/>
              <a:gd name="connsiteY2317" fmla="*/ 3619174 h 6858000"/>
              <a:gd name="connsiteX2318" fmla="*/ 3254742 w 6858000"/>
              <a:gd name="connsiteY2318" fmla="*/ 3619174 h 6858000"/>
              <a:gd name="connsiteX2319" fmla="*/ 3254742 w 6858000"/>
              <a:gd name="connsiteY2319" fmla="*/ 3616989 h 6858000"/>
              <a:gd name="connsiteX2320" fmla="*/ 3129055 w 6858000"/>
              <a:gd name="connsiteY2320" fmla="*/ 3616582 h 6858000"/>
              <a:gd name="connsiteX2321" fmla="*/ 3129055 w 6858000"/>
              <a:gd name="connsiteY2321" fmla="*/ 3619619 h 6858000"/>
              <a:gd name="connsiteX2322" fmla="*/ 3132092 w 6858000"/>
              <a:gd name="connsiteY2322" fmla="*/ 3619619 h 6858000"/>
              <a:gd name="connsiteX2323" fmla="*/ 3132092 w 6858000"/>
              <a:gd name="connsiteY2323" fmla="*/ 3616582 h 6858000"/>
              <a:gd name="connsiteX2324" fmla="*/ 3005553 w 6858000"/>
              <a:gd name="connsiteY2324" fmla="*/ 3616138 h 6858000"/>
              <a:gd name="connsiteX2325" fmla="*/ 3005553 w 6858000"/>
              <a:gd name="connsiteY2325" fmla="*/ 3620063 h 6858000"/>
              <a:gd name="connsiteX2326" fmla="*/ 3009478 w 6858000"/>
              <a:gd name="connsiteY2326" fmla="*/ 3620063 h 6858000"/>
              <a:gd name="connsiteX2327" fmla="*/ 3009478 w 6858000"/>
              <a:gd name="connsiteY2327" fmla="*/ 3616138 h 6858000"/>
              <a:gd name="connsiteX2328" fmla="*/ 2882052 w 6858000"/>
              <a:gd name="connsiteY2328" fmla="*/ 3615693 h 6858000"/>
              <a:gd name="connsiteX2329" fmla="*/ 2882052 w 6858000"/>
              <a:gd name="connsiteY2329" fmla="*/ 3620470 h 6858000"/>
              <a:gd name="connsiteX2330" fmla="*/ 2886829 w 6858000"/>
              <a:gd name="connsiteY2330" fmla="*/ 3620470 h 6858000"/>
              <a:gd name="connsiteX2331" fmla="*/ 2886829 w 6858000"/>
              <a:gd name="connsiteY2331" fmla="*/ 3615693 h 6858000"/>
              <a:gd name="connsiteX2332" fmla="*/ 2758365 w 6858000"/>
              <a:gd name="connsiteY2332" fmla="*/ 3615064 h 6858000"/>
              <a:gd name="connsiteX2333" fmla="*/ 2758365 w 6858000"/>
              <a:gd name="connsiteY2333" fmla="*/ 3621137 h 6858000"/>
              <a:gd name="connsiteX2334" fmla="*/ 2764438 w 6858000"/>
              <a:gd name="connsiteY2334" fmla="*/ 3621137 h 6858000"/>
              <a:gd name="connsiteX2335" fmla="*/ 2764438 w 6858000"/>
              <a:gd name="connsiteY2335" fmla="*/ 3615064 h 6858000"/>
              <a:gd name="connsiteX2336" fmla="*/ 2634641 w 6858000"/>
              <a:gd name="connsiteY2336" fmla="*/ 3614435 h 6858000"/>
              <a:gd name="connsiteX2337" fmla="*/ 2634641 w 6858000"/>
              <a:gd name="connsiteY2337" fmla="*/ 3621804 h 6858000"/>
              <a:gd name="connsiteX2338" fmla="*/ 2642010 w 6858000"/>
              <a:gd name="connsiteY2338" fmla="*/ 3621804 h 6858000"/>
              <a:gd name="connsiteX2339" fmla="*/ 2642010 w 6858000"/>
              <a:gd name="connsiteY2339" fmla="*/ 3614435 h 6858000"/>
              <a:gd name="connsiteX2340" fmla="*/ 2510917 w 6858000"/>
              <a:gd name="connsiteY2340" fmla="*/ 3613731 h 6858000"/>
              <a:gd name="connsiteX2341" fmla="*/ 2510917 w 6858000"/>
              <a:gd name="connsiteY2341" fmla="*/ 3622433 h 6858000"/>
              <a:gd name="connsiteX2342" fmla="*/ 2519619 w 6858000"/>
              <a:gd name="connsiteY2342" fmla="*/ 3622433 h 6858000"/>
              <a:gd name="connsiteX2343" fmla="*/ 2519619 w 6858000"/>
              <a:gd name="connsiteY2343" fmla="*/ 3613731 h 6858000"/>
              <a:gd name="connsiteX2344" fmla="*/ 2387230 w 6858000"/>
              <a:gd name="connsiteY2344" fmla="*/ 3613101 h 6858000"/>
              <a:gd name="connsiteX2345" fmla="*/ 2387230 w 6858000"/>
              <a:gd name="connsiteY2345" fmla="*/ 3623100 h 6858000"/>
              <a:gd name="connsiteX2346" fmla="*/ 2397229 w 6858000"/>
              <a:gd name="connsiteY2346" fmla="*/ 3623100 h 6858000"/>
              <a:gd name="connsiteX2347" fmla="*/ 2397229 w 6858000"/>
              <a:gd name="connsiteY2347" fmla="*/ 3613101 h 6858000"/>
              <a:gd name="connsiteX2348" fmla="*/ 2263284 w 6858000"/>
              <a:gd name="connsiteY2348" fmla="*/ 3612212 h 6858000"/>
              <a:gd name="connsiteX2349" fmla="*/ 2263284 w 6858000"/>
              <a:gd name="connsiteY2349" fmla="*/ 3623951 h 6858000"/>
              <a:gd name="connsiteX2350" fmla="*/ 2275023 w 6858000"/>
              <a:gd name="connsiteY2350" fmla="*/ 3623951 h 6858000"/>
              <a:gd name="connsiteX2351" fmla="*/ 2275023 w 6858000"/>
              <a:gd name="connsiteY2351" fmla="*/ 3612212 h 6858000"/>
              <a:gd name="connsiteX2352" fmla="*/ 2139375 w 6858000"/>
              <a:gd name="connsiteY2352" fmla="*/ 3611360 h 6858000"/>
              <a:gd name="connsiteX2353" fmla="*/ 2139375 w 6858000"/>
              <a:gd name="connsiteY2353" fmla="*/ 3624840 h 6858000"/>
              <a:gd name="connsiteX2354" fmla="*/ 2152855 w 6858000"/>
              <a:gd name="connsiteY2354" fmla="*/ 3624840 h 6858000"/>
              <a:gd name="connsiteX2355" fmla="*/ 2152855 w 6858000"/>
              <a:gd name="connsiteY2355" fmla="*/ 3611360 h 6858000"/>
              <a:gd name="connsiteX2356" fmla="*/ 2015429 w 6858000"/>
              <a:gd name="connsiteY2356" fmla="*/ 3610509 h 6858000"/>
              <a:gd name="connsiteX2357" fmla="*/ 2015429 w 6858000"/>
              <a:gd name="connsiteY2357" fmla="*/ 3625692 h 6858000"/>
              <a:gd name="connsiteX2358" fmla="*/ 2030612 w 6858000"/>
              <a:gd name="connsiteY2358" fmla="*/ 3625692 h 6858000"/>
              <a:gd name="connsiteX2359" fmla="*/ 2030612 w 6858000"/>
              <a:gd name="connsiteY2359" fmla="*/ 3610509 h 6858000"/>
              <a:gd name="connsiteX2360" fmla="*/ 1891298 w 6858000"/>
              <a:gd name="connsiteY2360" fmla="*/ 3609398 h 6858000"/>
              <a:gd name="connsiteX2361" fmla="*/ 1891298 w 6858000"/>
              <a:gd name="connsiteY2361" fmla="*/ 3626766 h 6858000"/>
              <a:gd name="connsiteX2362" fmla="*/ 1908666 w 6858000"/>
              <a:gd name="connsiteY2362" fmla="*/ 3626766 h 6858000"/>
              <a:gd name="connsiteX2363" fmla="*/ 1908666 w 6858000"/>
              <a:gd name="connsiteY2363" fmla="*/ 3609398 h 6858000"/>
              <a:gd name="connsiteX2364" fmla="*/ 1767129 w 6858000"/>
              <a:gd name="connsiteY2364" fmla="*/ 3608324 h 6858000"/>
              <a:gd name="connsiteX2365" fmla="*/ 1767129 w 6858000"/>
              <a:gd name="connsiteY2365" fmla="*/ 3627877 h 6858000"/>
              <a:gd name="connsiteX2366" fmla="*/ 1786682 w 6858000"/>
              <a:gd name="connsiteY2366" fmla="*/ 3627877 h 6858000"/>
              <a:gd name="connsiteX2367" fmla="*/ 1786682 w 6858000"/>
              <a:gd name="connsiteY2367" fmla="*/ 3608324 h 6858000"/>
              <a:gd name="connsiteX2368" fmla="*/ 1643220 w 6858000"/>
              <a:gd name="connsiteY2368" fmla="*/ 3607436 h 6858000"/>
              <a:gd name="connsiteX2369" fmla="*/ 1643220 w 6858000"/>
              <a:gd name="connsiteY2369" fmla="*/ 3628729 h 6858000"/>
              <a:gd name="connsiteX2370" fmla="*/ 1664513 w 6858000"/>
              <a:gd name="connsiteY2370" fmla="*/ 3628729 h 6858000"/>
              <a:gd name="connsiteX2371" fmla="*/ 1664513 w 6858000"/>
              <a:gd name="connsiteY2371" fmla="*/ 3607436 h 6858000"/>
              <a:gd name="connsiteX2372" fmla="*/ 1519052 w 6858000"/>
              <a:gd name="connsiteY2372" fmla="*/ 3606361 h 6858000"/>
              <a:gd name="connsiteX2373" fmla="*/ 1519052 w 6858000"/>
              <a:gd name="connsiteY2373" fmla="*/ 3629802 h 6858000"/>
              <a:gd name="connsiteX2374" fmla="*/ 1542493 w 6858000"/>
              <a:gd name="connsiteY2374" fmla="*/ 3629802 h 6858000"/>
              <a:gd name="connsiteX2375" fmla="*/ 1542493 w 6858000"/>
              <a:gd name="connsiteY2375" fmla="*/ 3606361 h 6858000"/>
              <a:gd name="connsiteX2376" fmla="*/ 1395143 w 6858000"/>
              <a:gd name="connsiteY2376" fmla="*/ 3605509 h 6858000"/>
              <a:gd name="connsiteX2377" fmla="*/ 1395143 w 6858000"/>
              <a:gd name="connsiteY2377" fmla="*/ 3630691 h 6858000"/>
              <a:gd name="connsiteX2378" fmla="*/ 1420325 w 6858000"/>
              <a:gd name="connsiteY2378" fmla="*/ 3630691 h 6858000"/>
              <a:gd name="connsiteX2379" fmla="*/ 1420325 w 6858000"/>
              <a:gd name="connsiteY2379" fmla="*/ 3605509 h 6858000"/>
              <a:gd name="connsiteX2380" fmla="*/ 1271012 w 6858000"/>
              <a:gd name="connsiteY2380" fmla="*/ 3604398 h 6858000"/>
              <a:gd name="connsiteX2381" fmla="*/ 1271012 w 6858000"/>
              <a:gd name="connsiteY2381" fmla="*/ 3631765 h 6858000"/>
              <a:gd name="connsiteX2382" fmla="*/ 1298379 w 6858000"/>
              <a:gd name="connsiteY2382" fmla="*/ 3631765 h 6858000"/>
              <a:gd name="connsiteX2383" fmla="*/ 1298379 w 6858000"/>
              <a:gd name="connsiteY2383" fmla="*/ 3604398 h 6858000"/>
              <a:gd name="connsiteX2384" fmla="*/ 1147066 w 6858000"/>
              <a:gd name="connsiteY2384" fmla="*/ 3603547 h 6858000"/>
              <a:gd name="connsiteX2385" fmla="*/ 1147066 w 6858000"/>
              <a:gd name="connsiteY2385" fmla="*/ 3632654 h 6858000"/>
              <a:gd name="connsiteX2386" fmla="*/ 1176173 w 6858000"/>
              <a:gd name="connsiteY2386" fmla="*/ 3632654 h 6858000"/>
              <a:gd name="connsiteX2387" fmla="*/ 1176173 w 6858000"/>
              <a:gd name="connsiteY2387" fmla="*/ 3603547 h 6858000"/>
              <a:gd name="connsiteX2388" fmla="*/ 1023119 w 6858000"/>
              <a:gd name="connsiteY2388" fmla="*/ 3602658 h 6858000"/>
              <a:gd name="connsiteX2389" fmla="*/ 1023119 w 6858000"/>
              <a:gd name="connsiteY2389" fmla="*/ 3633506 h 6858000"/>
              <a:gd name="connsiteX2390" fmla="*/ 1053967 w 6858000"/>
              <a:gd name="connsiteY2390" fmla="*/ 3633506 h 6858000"/>
              <a:gd name="connsiteX2391" fmla="*/ 1053967 w 6858000"/>
              <a:gd name="connsiteY2391" fmla="*/ 3602658 h 6858000"/>
              <a:gd name="connsiteX2392" fmla="*/ 899210 w 6858000"/>
              <a:gd name="connsiteY2392" fmla="*/ 3601806 h 6858000"/>
              <a:gd name="connsiteX2393" fmla="*/ 899210 w 6858000"/>
              <a:gd name="connsiteY2393" fmla="*/ 3634394 h 6858000"/>
              <a:gd name="connsiteX2394" fmla="*/ 931798 w 6858000"/>
              <a:gd name="connsiteY2394" fmla="*/ 3634394 h 6858000"/>
              <a:gd name="connsiteX2395" fmla="*/ 931798 w 6858000"/>
              <a:gd name="connsiteY2395" fmla="*/ 3601806 h 6858000"/>
              <a:gd name="connsiteX2396" fmla="*/ 775487 w 6858000"/>
              <a:gd name="connsiteY2396" fmla="*/ 3601140 h 6858000"/>
              <a:gd name="connsiteX2397" fmla="*/ 775487 w 6858000"/>
              <a:gd name="connsiteY2397" fmla="*/ 3635024 h 6858000"/>
              <a:gd name="connsiteX2398" fmla="*/ 809371 w 6858000"/>
              <a:gd name="connsiteY2398" fmla="*/ 3635024 h 6858000"/>
              <a:gd name="connsiteX2399" fmla="*/ 809371 w 6858000"/>
              <a:gd name="connsiteY2399" fmla="*/ 3601140 h 6858000"/>
              <a:gd name="connsiteX2400" fmla="*/ 651800 w 6858000"/>
              <a:gd name="connsiteY2400" fmla="*/ 3600511 h 6858000"/>
              <a:gd name="connsiteX2401" fmla="*/ 651800 w 6858000"/>
              <a:gd name="connsiteY2401" fmla="*/ 3635691 h 6858000"/>
              <a:gd name="connsiteX2402" fmla="*/ 686980 w 6858000"/>
              <a:gd name="connsiteY2402" fmla="*/ 3635691 h 6858000"/>
              <a:gd name="connsiteX2403" fmla="*/ 686980 w 6858000"/>
              <a:gd name="connsiteY2403" fmla="*/ 3600511 h 6858000"/>
              <a:gd name="connsiteX2404" fmla="*/ 528298 w 6858000"/>
              <a:gd name="connsiteY2404" fmla="*/ 3600103 h 6858000"/>
              <a:gd name="connsiteX2405" fmla="*/ 528298 w 6858000"/>
              <a:gd name="connsiteY2405" fmla="*/ 3636135 h 6858000"/>
              <a:gd name="connsiteX2406" fmla="*/ 564330 w 6858000"/>
              <a:gd name="connsiteY2406" fmla="*/ 3636135 h 6858000"/>
              <a:gd name="connsiteX2407" fmla="*/ 564330 w 6858000"/>
              <a:gd name="connsiteY2407" fmla="*/ 3600103 h 6858000"/>
              <a:gd name="connsiteX2408" fmla="*/ 404796 w 6858000"/>
              <a:gd name="connsiteY2408" fmla="*/ 3599621 h 6858000"/>
              <a:gd name="connsiteX2409" fmla="*/ 404796 w 6858000"/>
              <a:gd name="connsiteY2409" fmla="*/ 3636542 h 6858000"/>
              <a:gd name="connsiteX2410" fmla="*/ 441717 w 6858000"/>
              <a:gd name="connsiteY2410" fmla="*/ 3636542 h 6858000"/>
              <a:gd name="connsiteX2411" fmla="*/ 441717 w 6858000"/>
              <a:gd name="connsiteY2411" fmla="*/ 3599621 h 6858000"/>
              <a:gd name="connsiteX2412" fmla="*/ 35402 w 6858000"/>
              <a:gd name="connsiteY2412" fmla="*/ 3599399 h 6858000"/>
              <a:gd name="connsiteX2413" fmla="*/ 35402 w 6858000"/>
              <a:gd name="connsiteY2413" fmla="*/ 3636764 h 6858000"/>
              <a:gd name="connsiteX2414" fmla="*/ 72767 w 6858000"/>
              <a:gd name="connsiteY2414" fmla="*/ 3636764 h 6858000"/>
              <a:gd name="connsiteX2415" fmla="*/ 72767 w 6858000"/>
              <a:gd name="connsiteY2415" fmla="*/ 3599399 h 6858000"/>
              <a:gd name="connsiteX2416" fmla="*/ 281295 w 6858000"/>
              <a:gd name="connsiteY2416" fmla="*/ 3599214 h 6858000"/>
              <a:gd name="connsiteX2417" fmla="*/ 281295 w 6858000"/>
              <a:gd name="connsiteY2417" fmla="*/ 3636987 h 6858000"/>
              <a:gd name="connsiteX2418" fmla="*/ 319068 w 6858000"/>
              <a:gd name="connsiteY2418" fmla="*/ 3636987 h 6858000"/>
              <a:gd name="connsiteX2419" fmla="*/ 319068 w 6858000"/>
              <a:gd name="connsiteY2419" fmla="*/ 3599214 h 6858000"/>
              <a:gd name="connsiteX2420" fmla="*/ 158015 w 6858000"/>
              <a:gd name="connsiteY2420" fmla="*/ 3598992 h 6858000"/>
              <a:gd name="connsiteX2421" fmla="*/ 158015 w 6858000"/>
              <a:gd name="connsiteY2421" fmla="*/ 3637209 h 6858000"/>
              <a:gd name="connsiteX2422" fmla="*/ 196232 w 6858000"/>
              <a:gd name="connsiteY2422" fmla="*/ 3637209 h 6858000"/>
              <a:gd name="connsiteX2423" fmla="*/ 196232 w 6858000"/>
              <a:gd name="connsiteY2423" fmla="*/ 3598992 h 6858000"/>
              <a:gd name="connsiteX2424" fmla="*/ 4484019 w 6858000"/>
              <a:gd name="connsiteY2424" fmla="*/ 3494821 h 6858000"/>
              <a:gd name="connsiteX2425" fmla="*/ 4484019 w 6858000"/>
              <a:gd name="connsiteY2425" fmla="*/ 3495265 h 6858000"/>
              <a:gd name="connsiteX2426" fmla="*/ 4484463 w 6858000"/>
              <a:gd name="connsiteY2426" fmla="*/ 3495265 h 6858000"/>
              <a:gd name="connsiteX2427" fmla="*/ 4484463 w 6858000"/>
              <a:gd name="connsiteY2427" fmla="*/ 3494821 h 6858000"/>
              <a:gd name="connsiteX2428" fmla="*/ 4360961 w 6858000"/>
              <a:gd name="connsiteY2428" fmla="*/ 3494821 h 6858000"/>
              <a:gd name="connsiteX2429" fmla="*/ 4360961 w 6858000"/>
              <a:gd name="connsiteY2429" fmla="*/ 3495265 h 6858000"/>
              <a:gd name="connsiteX2430" fmla="*/ 4361405 w 6858000"/>
              <a:gd name="connsiteY2430" fmla="*/ 3495265 h 6858000"/>
              <a:gd name="connsiteX2431" fmla="*/ 4361405 w 6858000"/>
              <a:gd name="connsiteY2431" fmla="*/ 3494821 h 6858000"/>
              <a:gd name="connsiteX2432" fmla="*/ 4237904 w 6858000"/>
              <a:gd name="connsiteY2432" fmla="*/ 3494821 h 6858000"/>
              <a:gd name="connsiteX2433" fmla="*/ 4237904 w 6858000"/>
              <a:gd name="connsiteY2433" fmla="*/ 3495265 h 6858000"/>
              <a:gd name="connsiteX2434" fmla="*/ 4238348 w 6858000"/>
              <a:gd name="connsiteY2434" fmla="*/ 3495265 h 6858000"/>
              <a:gd name="connsiteX2435" fmla="*/ 4238348 w 6858000"/>
              <a:gd name="connsiteY2435" fmla="*/ 3494821 h 6858000"/>
              <a:gd name="connsiteX2436" fmla="*/ 4114847 w 6858000"/>
              <a:gd name="connsiteY2436" fmla="*/ 3494821 h 6858000"/>
              <a:gd name="connsiteX2437" fmla="*/ 4114847 w 6858000"/>
              <a:gd name="connsiteY2437" fmla="*/ 3495265 h 6858000"/>
              <a:gd name="connsiteX2438" fmla="*/ 4115291 w 6858000"/>
              <a:gd name="connsiteY2438" fmla="*/ 3495265 h 6858000"/>
              <a:gd name="connsiteX2439" fmla="*/ 4115291 w 6858000"/>
              <a:gd name="connsiteY2439" fmla="*/ 3494821 h 6858000"/>
              <a:gd name="connsiteX2440" fmla="*/ 3991789 w 6858000"/>
              <a:gd name="connsiteY2440" fmla="*/ 3494821 h 6858000"/>
              <a:gd name="connsiteX2441" fmla="*/ 3991789 w 6858000"/>
              <a:gd name="connsiteY2441" fmla="*/ 3495265 h 6858000"/>
              <a:gd name="connsiteX2442" fmla="*/ 3992234 w 6858000"/>
              <a:gd name="connsiteY2442" fmla="*/ 3495265 h 6858000"/>
              <a:gd name="connsiteX2443" fmla="*/ 3992234 w 6858000"/>
              <a:gd name="connsiteY2443" fmla="*/ 3494821 h 6858000"/>
              <a:gd name="connsiteX2444" fmla="*/ 3868732 w 6858000"/>
              <a:gd name="connsiteY2444" fmla="*/ 3494821 h 6858000"/>
              <a:gd name="connsiteX2445" fmla="*/ 3868732 w 6858000"/>
              <a:gd name="connsiteY2445" fmla="*/ 3495265 h 6858000"/>
              <a:gd name="connsiteX2446" fmla="*/ 3869176 w 6858000"/>
              <a:gd name="connsiteY2446" fmla="*/ 3495265 h 6858000"/>
              <a:gd name="connsiteX2447" fmla="*/ 3869176 w 6858000"/>
              <a:gd name="connsiteY2447" fmla="*/ 3494821 h 6858000"/>
              <a:gd name="connsiteX2448" fmla="*/ 3745453 w 6858000"/>
              <a:gd name="connsiteY2448" fmla="*/ 3494598 h 6858000"/>
              <a:gd name="connsiteX2449" fmla="*/ 3745453 w 6858000"/>
              <a:gd name="connsiteY2449" fmla="*/ 3495450 h 6858000"/>
              <a:gd name="connsiteX2450" fmla="*/ 3746305 w 6858000"/>
              <a:gd name="connsiteY2450" fmla="*/ 3495450 h 6858000"/>
              <a:gd name="connsiteX2451" fmla="*/ 3746305 w 6858000"/>
              <a:gd name="connsiteY2451" fmla="*/ 3494598 h 6858000"/>
              <a:gd name="connsiteX2452" fmla="*/ 3622395 w 6858000"/>
              <a:gd name="connsiteY2452" fmla="*/ 3494598 h 6858000"/>
              <a:gd name="connsiteX2453" fmla="*/ 3622395 w 6858000"/>
              <a:gd name="connsiteY2453" fmla="*/ 3495450 h 6858000"/>
              <a:gd name="connsiteX2454" fmla="*/ 3623247 w 6858000"/>
              <a:gd name="connsiteY2454" fmla="*/ 3495450 h 6858000"/>
              <a:gd name="connsiteX2455" fmla="*/ 3623247 w 6858000"/>
              <a:gd name="connsiteY2455" fmla="*/ 3494598 h 6858000"/>
              <a:gd name="connsiteX2456" fmla="*/ 3499116 w 6858000"/>
              <a:gd name="connsiteY2456" fmla="*/ 3494377 h 6858000"/>
              <a:gd name="connsiteX2457" fmla="*/ 3499116 w 6858000"/>
              <a:gd name="connsiteY2457" fmla="*/ 3495673 h 6858000"/>
              <a:gd name="connsiteX2458" fmla="*/ 3500412 w 6858000"/>
              <a:gd name="connsiteY2458" fmla="*/ 3495673 h 6858000"/>
              <a:gd name="connsiteX2459" fmla="*/ 3500412 w 6858000"/>
              <a:gd name="connsiteY2459" fmla="*/ 3494377 h 6858000"/>
              <a:gd name="connsiteX2460" fmla="*/ 3375836 w 6858000"/>
              <a:gd name="connsiteY2460" fmla="*/ 3494155 h 6858000"/>
              <a:gd name="connsiteX2461" fmla="*/ 3375836 w 6858000"/>
              <a:gd name="connsiteY2461" fmla="*/ 3495895 h 6858000"/>
              <a:gd name="connsiteX2462" fmla="*/ 3377576 w 6858000"/>
              <a:gd name="connsiteY2462" fmla="*/ 3495895 h 6858000"/>
              <a:gd name="connsiteX2463" fmla="*/ 3377576 w 6858000"/>
              <a:gd name="connsiteY2463" fmla="*/ 3494155 h 6858000"/>
              <a:gd name="connsiteX2464" fmla="*/ 3252335 w 6858000"/>
              <a:gd name="connsiteY2464" fmla="*/ 3493747 h 6858000"/>
              <a:gd name="connsiteX2465" fmla="*/ 3252335 w 6858000"/>
              <a:gd name="connsiteY2465" fmla="*/ 3496339 h 6858000"/>
              <a:gd name="connsiteX2466" fmla="*/ 3254927 w 6858000"/>
              <a:gd name="connsiteY2466" fmla="*/ 3496339 h 6858000"/>
              <a:gd name="connsiteX2467" fmla="*/ 3254927 w 6858000"/>
              <a:gd name="connsiteY2467" fmla="*/ 3493747 h 6858000"/>
              <a:gd name="connsiteX2468" fmla="*/ 3129055 w 6858000"/>
              <a:gd name="connsiteY2468" fmla="*/ 3493524 h 6858000"/>
              <a:gd name="connsiteX2469" fmla="*/ 3129055 w 6858000"/>
              <a:gd name="connsiteY2469" fmla="*/ 3496561 h 6858000"/>
              <a:gd name="connsiteX2470" fmla="*/ 3132092 w 6858000"/>
              <a:gd name="connsiteY2470" fmla="*/ 3496561 h 6858000"/>
              <a:gd name="connsiteX2471" fmla="*/ 3132092 w 6858000"/>
              <a:gd name="connsiteY2471" fmla="*/ 3493524 h 6858000"/>
              <a:gd name="connsiteX2472" fmla="*/ 3005553 w 6858000"/>
              <a:gd name="connsiteY2472" fmla="*/ 3493081 h 6858000"/>
              <a:gd name="connsiteX2473" fmla="*/ 3005553 w 6858000"/>
              <a:gd name="connsiteY2473" fmla="*/ 3497006 h 6858000"/>
              <a:gd name="connsiteX2474" fmla="*/ 3009478 w 6858000"/>
              <a:gd name="connsiteY2474" fmla="*/ 3497006 h 6858000"/>
              <a:gd name="connsiteX2475" fmla="*/ 3009478 w 6858000"/>
              <a:gd name="connsiteY2475" fmla="*/ 3493081 h 6858000"/>
              <a:gd name="connsiteX2476" fmla="*/ 2881866 w 6858000"/>
              <a:gd name="connsiteY2476" fmla="*/ 3492414 h 6858000"/>
              <a:gd name="connsiteX2477" fmla="*/ 2881866 w 6858000"/>
              <a:gd name="connsiteY2477" fmla="*/ 3497635 h 6858000"/>
              <a:gd name="connsiteX2478" fmla="*/ 2887087 w 6858000"/>
              <a:gd name="connsiteY2478" fmla="*/ 3497635 h 6858000"/>
              <a:gd name="connsiteX2479" fmla="*/ 2887087 w 6858000"/>
              <a:gd name="connsiteY2479" fmla="*/ 3492414 h 6858000"/>
              <a:gd name="connsiteX2480" fmla="*/ 2758365 w 6858000"/>
              <a:gd name="connsiteY2480" fmla="*/ 3492007 h 6858000"/>
              <a:gd name="connsiteX2481" fmla="*/ 2758365 w 6858000"/>
              <a:gd name="connsiteY2481" fmla="*/ 3498080 h 6858000"/>
              <a:gd name="connsiteX2482" fmla="*/ 2764438 w 6858000"/>
              <a:gd name="connsiteY2482" fmla="*/ 3498080 h 6858000"/>
              <a:gd name="connsiteX2483" fmla="*/ 2764438 w 6858000"/>
              <a:gd name="connsiteY2483" fmla="*/ 3492007 h 6858000"/>
              <a:gd name="connsiteX2484" fmla="*/ 2634419 w 6858000"/>
              <a:gd name="connsiteY2484" fmla="*/ 3491117 h 6858000"/>
              <a:gd name="connsiteX2485" fmla="*/ 2634419 w 6858000"/>
              <a:gd name="connsiteY2485" fmla="*/ 3498931 h 6858000"/>
              <a:gd name="connsiteX2486" fmla="*/ 2642233 w 6858000"/>
              <a:gd name="connsiteY2486" fmla="*/ 3498931 h 6858000"/>
              <a:gd name="connsiteX2487" fmla="*/ 2642233 w 6858000"/>
              <a:gd name="connsiteY2487" fmla="*/ 3491117 h 6858000"/>
              <a:gd name="connsiteX2488" fmla="*/ 2510732 w 6858000"/>
              <a:gd name="connsiteY2488" fmla="*/ 3490488 h 6858000"/>
              <a:gd name="connsiteX2489" fmla="*/ 2510732 w 6858000"/>
              <a:gd name="connsiteY2489" fmla="*/ 3499598 h 6858000"/>
              <a:gd name="connsiteX2490" fmla="*/ 2519842 w 6858000"/>
              <a:gd name="connsiteY2490" fmla="*/ 3499598 h 6858000"/>
              <a:gd name="connsiteX2491" fmla="*/ 2519842 w 6858000"/>
              <a:gd name="connsiteY2491" fmla="*/ 3490488 h 6858000"/>
              <a:gd name="connsiteX2492" fmla="*/ 2386786 w 6858000"/>
              <a:gd name="connsiteY2492" fmla="*/ 3489600 h 6858000"/>
              <a:gd name="connsiteX2493" fmla="*/ 2386786 w 6858000"/>
              <a:gd name="connsiteY2493" fmla="*/ 3500450 h 6858000"/>
              <a:gd name="connsiteX2494" fmla="*/ 2397636 w 6858000"/>
              <a:gd name="connsiteY2494" fmla="*/ 3500450 h 6858000"/>
              <a:gd name="connsiteX2495" fmla="*/ 2397636 w 6858000"/>
              <a:gd name="connsiteY2495" fmla="*/ 3489600 h 6858000"/>
              <a:gd name="connsiteX2496" fmla="*/ 2262654 w 6858000"/>
              <a:gd name="connsiteY2496" fmla="*/ 3488526 h 6858000"/>
              <a:gd name="connsiteX2497" fmla="*/ 2262654 w 6858000"/>
              <a:gd name="connsiteY2497" fmla="*/ 3501561 h 6858000"/>
              <a:gd name="connsiteX2498" fmla="*/ 2275689 w 6858000"/>
              <a:gd name="connsiteY2498" fmla="*/ 3501561 h 6858000"/>
              <a:gd name="connsiteX2499" fmla="*/ 2275689 w 6858000"/>
              <a:gd name="connsiteY2499" fmla="*/ 3488526 h 6858000"/>
              <a:gd name="connsiteX2500" fmla="*/ 2138708 w 6858000"/>
              <a:gd name="connsiteY2500" fmla="*/ 3487636 h 6858000"/>
              <a:gd name="connsiteX2501" fmla="*/ 2138708 w 6858000"/>
              <a:gd name="connsiteY2501" fmla="*/ 3502412 h 6858000"/>
              <a:gd name="connsiteX2502" fmla="*/ 2153484 w 6858000"/>
              <a:gd name="connsiteY2502" fmla="*/ 3502412 h 6858000"/>
              <a:gd name="connsiteX2503" fmla="*/ 2153484 w 6858000"/>
              <a:gd name="connsiteY2503" fmla="*/ 3487636 h 6858000"/>
              <a:gd name="connsiteX2504" fmla="*/ 2014577 w 6858000"/>
              <a:gd name="connsiteY2504" fmla="*/ 3486562 h 6858000"/>
              <a:gd name="connsiteX2505" fmla="*/ 2014577 w 6858000"/>
              <a:gd name="connsiteY2505" fmla="*/ 3503486 h 6858000"/>
              <a:gd name="connsiteX2506" fmla="*/ 2031501 w 6858000"/>
              <a:gd name="connsiteY2506" fmla="*/ 3503486 h 6858000"/>
              <a:gd name="connsiteX2507" fmla="*/ 2031501 w 6858000"/>
              <a:gd name="connsiteY2507" fmla="*/ 3486562 h 6858000"/>
              <a:gd name="connsiteX2508" fmla="*/ 1890409 w 6858000"/>
              <a:gd name="connsiteY2508" fmla="*/ 3485489 h 6858000"/>
              <a:gd name="connsiteX2509" fmla="*/ 1890409 w 6858000"/>
              <a:gd name="connsiteY2509" fmla="*/ 3504597 h 6858000"/>
              <a:gd name="connsiteX2510" fmla="*/ 1909518 w 6858000"/>
              <a:gd name="connsiteY2510" fmla="*/ 3504597 h 6858000"/>
              <a:gd name="connsiteX2511" fmla="*/ 1909518 w 6858000"/>
              <a:gd name="connsiteY2511" fmla="*/ 3485489 h 6858000"/>
              <a:gd name="connsiteX2512" fmla="*/ 1766055 w 6858000"/>
              <a:gd name="connsiteY2512" fmla="*/ 3484192 h 6858000"/>
              <a:gd name="connsiteX2513" fmla="*/ 1766055 w 6858000"/>
              <a:gd name="connsiteY2513" fmla="*/ 3505893 h 6858000"/>
              <a:gd name="connsiteX2514" fmla="*/ 1787756 w 6858000"/>
              <a:gd name="connsiteY2514" fmla="*/ 3505893 h 6858000"/>
              <a:gd name="connsiteX2515" fmla="*/ 1787756 w 6858000"/>
              <a:gd name="connsiteY2515" fmla="*/ 3484192 h 6858000"/>
              <a:gd name="connsiteX2516" fmla="*/ 1641924 w 6858000"/>
              <a:gd name="connsiteY2516" fmla="*/ 3483081 h 6858000"/>
              <a:gd name="connsiteX2517" fmla="*/ 1641924 w 6858000"/>
              <a:gd name="connsiteY2517" fmla="*/ 3506967 h 6858000"/>
              <a:gd name="connsiteX2518" fmla="*/ 1665810 w 6858000"/>
              <a:gd name="connsiteY2518" fmla="*/ 3506967 h 6858000"/>
              <a:gd name="connsiteX2519" fmla="*/ 1665810 w 6858000"/>
              <a:gd name="connsiteY2519" fmla="*/ 3483081 h 6858000"/>
              <a:gd name="connsiteX2520" fmla="*/ 1517756 w 6858000"/>
              <a:gd name="connsiteY2520" fmla="*/ 3482008 h 6858000"/>
              <a:gd name="connsiteX2521" fmla="*/ 1517756 w 6858000"/>
              <a:gd name="connsiteY2521" fmla="*/ 3508078 h 6858000"/>
              <a:gd name="connsiteX2522" fmla="*/ 1543827 w 6858000"/>
              <a:gd name="connsiteY2522" fmla="*/ 3508078 h 6858000"/>
              <a:gd name="connsiteX2523" fmla="*/ 1543827 w 6858000"/>
              <a:gd name="connsiteY2523" fmla="*/ 3482008 h 6858000"/>
              <a:gd name="connsiteX2524" fmla="*/ 1393402 w 6858000"/>
              <a:gd name="connsiteY2524" fmla="*/ 3480711 h 6858000"/>
              <a:gd name="connsiteX2525" fmla="*/ 1393402 w 6858000"/>
              <a:gd name="connsiteY2525" fmla="*/ 3509374 h 6858000"/>
              <a:gd name="connsiteX2526" fmla="*/ 1422065 w 6858000"/>
              <a:gd name="connsiteY2526" fmla="*/ 3509374 h 6858000"/>
              <a:gd name="connsiteX2527" fmla="*/ 1422065 w 6858000"/>
              <a:gd name="connsiteY2527" fmla="*/ 3480711 h 6858000"/>
              <a:gd name="connsiteX2528" fmla="*/ 1269456 w 6858000"/>
              <a:gd name="connsiteY2528" fmla="*/ 3479823 h 6858000"/>
              <a:gd name="connsiteX2529" fmla="*/ 1269456 w 6858000"/>
              <a:gd name="connsiteY2529" fmla="*/ 3510226 h 6858000"/>
              <a:gd name="connsiteX2530" fmla="*/ 1299859 w 6858000"/>
              <a:gd name="connsiteY2530" fmla="*/ 3510226 h 6858000"/>
              <a:gd name="connsiteX2531" fmla="*/ 1299859 w 6858000"/>
              <a:gd name="connsiteY2531" fmla="*/ 3479823 h 6858000"/>
              <a:gd name="connsiteX2532" fmla="*/ 1145325 w 6858000"/>
              <a:gd name="connsiteY2532" fmla="*/ 3478749 h 6858000"/>
              <a:gd name="connsiteX2533" fmla="*/ 1145325 w 6858000"/>
              <a:gd name="connsiteY2533" fmla="*/ 3511337 h 6858000"/>
              <a:gd name="connsiteX2534" fmla="*/ 1177913 w 6858000"/>
              <a:gd name="connsiteY2534" fmla="*/ 3511337 h 6858000"/>
              <a:gd name="connsiteX2535" fmla="*/ 1177913 w 6858000"/>
              <a:gd name="connsiteY2535" fmla="*/ 3478749 h 6858000"/>
              <a:gd name="connsiteX2536" fmla="*/ 1021416 w 6858000"/>
              <a:gd name="connsiteY2536" fmla="*/ 3477860 h 6858000"/>
              <a:gd name="connsiteX2537" fmla="*/ 1021416 w 6858000"/>
              <a:gd name="connsiteY2537" fmla="*/ 3512189 h 6858000"/>
              <a:gd name="connsiteX2538" fmla="*/ 1055745 w 6858000"/>
              <a:gd name="connsiteY2538" fmla="*/ 3512189 h 6858000"/>
              <a:gd name="connsiteX2539" fmla="*/ 1055745 w 6858000"/>
              <a:gd name="connsiteY2539" fmla="*/ 3477860 h 6858000"/>
              <a:gd name="connsiteX2540" fmla="*/ 897248 w 6858000"/>
              <a:gd name="connsiteY2540" fmla="*/ 3476787 h 6858000"/>
              <a:gd name="connsiteX2541" fmla="*/ 897248 w 6858000"/>
              <a:gd name="connsiteY2541" fmla="*/ 3513263 h 6858000"/>
              <a:gd name="connsiteX2542" fmla="*/ 933725 w 6858000"/>
              <a:gd name="connsiteY2542" fmla="*/ 3513263 h 6858000"/>
              <a:gd name="connsiteX2543" fmla="*/ 933725 w 6858000"/>
              <a:gd name="connsiteY2543" fmla="*/ 3476787 h 6858000"/>
              <a:gd name="connsiteX2544" fmla="*/ 773339 w 6858000"/>
              <a:gd name="connsiteY2544" fmla="*/ 3475935 h 6858000"/>
              <a:gd name="connsiteX2545" fmla="*/ 773339 w 6858000"/>
              <a:gd name="connsiteY2545" fmla="*/ 3514152 h 6858000"/>
              <a:gd name="connsiteX2546" fmla="*/ 811556 w 6858000"/>
              <a:gd name="connsiteY2546" fmla="*/ 3514152 h 6858000"/>
              <a:gd name="connsiteX2547" fmla="*/ 811556 w 6858000"/>
              <a:gd name="connsiteY2547" fmla="*/ 3475935 h 6858000"/>
              <a:gd name="connsiteX2548" fmla="*/ 649615 w 6858000"/>
              <a:gd name="connsiteY2548" fmla="*/ 3475268 h 6858000"/>
              <a:gd name="connsiteX2549" fmla="*/ 649615 w 6858000"/>
              <a:gd name="connsiteY2549" fmla="*/ 3514781 h 6858000"/>
              <a:gd name="connsiteX2550" fmla="*/ 689128 w 6858000"/>
              <a:gd name="connsiteY2550" fmla="*/ 3514781 h 6858000"/>
              <a:gd name="connsiteX2551" fmla="*/ 689128 w 6858000"/>
              <a:gd name="connsiteY2551" fmla="*/ 3475268 h 6858000"/>
              <a:gd name="connsiteX2552" fmla="*/ 525891 w 6858000"/>
              <a:gd name="connsiteY2552" fmla="*/ 3474639 h 6858000"/>
              <a:gd name="connsiteX2553" fmla="*/ 525891 w 6858000"/>
              <a:gd name="connsiteY2553" fmla="*/ 3515448 h 6858000"/>
              <a:gd name="connsiteX2554" fmla="*/ 566700 w 6858000"/>
              <a:gd name="connsiteY2554" fmla="*/ 3515448 h 6858000"/>
              <a:gd name="connsiteX2555" fmla="*/ 566700 w 6858000"/>
              <a:gd name="connsiteY2555" fmla="*/ 3474639 h 6858000"/>
              <a:gd name="connsiteX2556" fmla="*/ 402389 w 6858000"/>
              <a:gd name="connsiteY2556" fmla="*/ 3474194 h 6858000"/>
              <a:gd name="connsiteX2557" fmla="*/ 402389 w 6858000"/>
              <a:gd name="connsiteY2557" fmla="*/ 3515892 h 6858000"/>
              <a:gd name="connsiteX2558" fmla="*/ 444087 w 6858000"/>
              <a:gd name="connsiteY2558" fmla="*/ 3515892 h 6858000"/>
              <a:gd name="connsiteX2559" fmla="*/ 444087 w 6858000"/>
              <a:gd name="connsiteY2559" fmla="*/ 3474194 h 6858000"/>
              <a:gd name="connsiteX2560" fmla="*/ 32995 w 6858000"/>
              <a:gd name="connsiteY2560" fmla="*/ 3473971 h 6858000"/>
              <a:gd name="connsiteX2561" fmla="*/ 32995 w 6858000"/>
              <a:gd name="connsiteY2561" fmla="*/ 3516114 h 6858000"/>
              <a:gd name="connsiteX2562" fmla="*/ 75137 w 6858000"/>
              <a:gd name="connsiteY2562" fmla="*/ 3516114 h 6858000"/>
              <a:gd name="connsiteX2563" fmla="*/ 75137 w 6858000"/>
              <a:gd name="connsiteY2563" fmla="*/ 3473971 h 6858000"/>
              <a:gd name="connsiteX2564" fmla="*/ 278924 w 6858000"/>
              <a:gd name="connsiteY2564" fmla="*/ 3473749 h 6858000"/>
              <a:gd name="connsiteX2565" fmla="*/ 278924 w 6858000"/>
              <a:gd name="connsiteY2565" fmla="*/ 3516299 h 6858000"/>
              <a:gd name="connsiteX2566" fmla="*/ 321474 w 6858000"/>
              <a:gd name="connsiteY2566" fmla="*/ 3516299 h 6858000"/>
              <a:gd name="connsiteX2567" fmla="*/ 321474 w 6858000"/>
              <a:gd name="connsiteY2567" fmla="*/ 3473749 h 6858000"/>
              <a:gd name="connsiteX2568" fmla="*/ 155645 w 6858000"/>
              <a:gd name="connsiteY2568" fmla="*/ 3473528 h 6858000"/>
              <a:gd name="connsiteX2569" fmla="*/ 155645 w 6858000"/>
              <a:gd name="connsiteY2569" fmla="*/ 3516522 h 6858000"/>
              <a:gd name="connsiteX2570" fmla="*/ 198639 w 6858000"/>
              <a:gd name="connsiteY2570" fmla="*/ 3516522 h 6858000"/>
              <a:gd name="connsiteX2571" fmla="*/ 198639 w 6858000"/>
              <a:gd name="connsiteY2571" fmla="*/ 3473528 h 6858000"/>
              <a:gd name="connsiteX2572" fmla="*/ 4484019 w 6858000"/>
              <a:gd name="connsiteY2572" fmla="*/ 3371764 h 6858000"/>
              <a:gd name="connsiteX2573" fmla="*/ 4484019 w 6858000"/>
              <a:gd name="connsiteY2573" fmla="*/ 3372208 h 6858000"/>
              <a:gd name="connsiteX2574" fmla="*/ 4484463 w 6858000"/>
              <a:gd name="connsiteY2574" fmla="*/ 3372208 h 6858000"/>
              <a:gd name="connsiteX2575" fmla="*/ 4484463 w 6858000"/>
              <a:gd name="connsiteY2575" fmla="*/ 3371764 h 6858000"/>
              <a:gd name="connsiteX2576" fmla="*/ 4360961 w 6858000"/>
              <a:gd name="connsiteY2576" fmla="*/ 3371764 h 6858000"/>
              <a:gd name="connsiteX2577" fmla="*/ 4360961 w 6858000"/>
              <a:gd name="connsiteY2577" fmla="*/ 3372208 h 6858000"/>
              <a:gd name="connsiteX2578" fmla="*/ 4361405 w 6858000"/>
              <a:gd name="connsiteY2578" fmla="*/ 3372208 h 6858000"/>
              <a:gd name="connsiteX2579" fmla="*/ 4361405 w 6858000"/>
              <a:gd name="connsiteY2579" fmla="*/ 3371764 h 6858000"/>
              <a:gd name="connsiteX2580" fmla="*/ 4237904 w 6858000"/>
              <a:gd name="connsiteY2580" fmla="*/ 3371764 h 6858000"/>
              <a:gd name="connsiteX2581" fmla="*/ 4237904 w 6858000"/>
              <a:gd name="connsiteY2581" fmla="*/ 3372208 h 6858000"/>
              <a:gd name="connsiteX2582" fmla="*/ 4238348 w 6858000"/>
              <a:gd name="connsiteY2582" fmla="*/ 3372208 h 6858000"/>
              <a:gd name="connsiteX2583" fmla="*/ 4238348 w 6858000"/>
              <a:gd name="connsiteY2583" fmla="*/ 3371764 h 6858000"/>
              <a:gd name="connsiteX2584" fmla="*/ 4114847 w 6858000"/>
              <a:gd name="connsiteY2584" fmla="*/ 3371764 h 6858000"/>
              <a:gd name="connsiteX2585" fmla="*/ 4114847 w 6858000"/>
              <a:gd name="connsiteY2585" fmla="*/ 3372208 h 6858000"/>
              <a:gd name="connsiteX2586" fmla="*/ 4115291 w 6858000"/>
              <a:gd name="connsiteY2586" fmla="*/ 3372208 h 6858000"/>
              <a:gd name="connsiteX2587" fmla="*/ 4115291 w 6858000"/>
              <a:gd name="connsiteY2587" fmla="*/ 3371764 h 6858000"/>
              <a:gd name="connsiteX2588" fmla="*/ 3991789 w 6858000"/>
              <a:gd name="connsiteY2588" fmla="*/ 3371764 h 6858000"/>
              <a:gd name="connsiteX2589" fmla="*/ 3991789 w 6858000"/>
              <a:gd name="connsiteY2589" fmla="*/ 3372208 h 6858000"/>
              <a:gd name="connsiteX2590" fmla="*/ 3992234 w 6858000"/>
              <a:gd name="connsiteY2590" fmla="*/ 3372208 h 6858000"/>
              <a:gd name="connsiteX2591" fmla="*/ 3992234 w 6858000"/>
              <a:gd name="connsiteY2591" fmla="*/ 3371764 h 6858000"/>
              <a:gd name="connsiteX2592" fmla="*/ 3868732 w 6858000"/>
              <a:gd name="connsiteY2592" fmla="*/ 3371764 h 6858000"/>
              <a:gd name="connsiteX2593" fmla="*/ 3868732 w 6858000"/>
              <a:gd name="connsiteY2593" fmla="*/ 3372208 h 6858000"/>
              <a:gd name="connsiteX2594" fmla="*/ 3869176 w 6858000"/>
              <a:gd name="connsiteY2594" fmla="*/ 3372208 h 6858000"/>
              <a:gd name="connsiteX2595" fmla="*/ 3869176 w 6858000"/>
              <a:gd name="connsiteY2595" fmla="*/ 3371764 h 6858000"/>
              <a:gd name="connsiteX2596" fmla="*/ 3745453 w 6858000"/>
              <a:gd name="connsiteY2596" fmla="*/ 3371541 h 6858000"/>
              <a:gd name="connsiteX2597" fmla="*/ 3745453 w 6858000"/>
              <a:gd name="connsiteY2597" fmla="*/ 3372393 h 6858000"/>
              <a:gd name="connsiteX2598" fmla="*/ 3746305 w 6858000"/>
              <a:gd name="connsiteY2598" fmla="*/ 3372393 h 6858000"/>
              <a:gd name="connsiteX2599" fmla="*/ 3746305 w 6858000"/>
              <a:gd name="connsiteY2599" fmla="*/ 3371541 h 6858000"/>
              <a:gd name="connsiteX2600" fmla="*/ 3622395 w 6858000"/>
              <a:gd name="connsiteY2600" fmla="*/ 3371541 h 6858000"/>
              <a:gd name="connsiteX2601" fmla="*/ 3622395 w 6858000"/>
              <a:gd name="connsiteY2601" fmla="*/ 3372393 h 6858000"/>
              <a:gd name="connsiteX2602" fmla="*/ 3623247 w 6858000"/>
              <a:gd name="connsiteY2602" fmla="*/ 3372393 h 6858000"/>
              <a:gd name="connsiteX2603" fmla="*/ 3623247 w 6858000"/>
              <a:gd name="connsiteY2603" fmla="*/ 3371541 h 6858000"/>
              <a:gd name="connsiteX2604" fmla="*/ 3499116 w 6858000"/>
              <a:gd name="connsiteY2604" fmla="*/ 3371319 h 6858000"/>
              <a:gd name="connsiteX2605" fmla="*/ 3499116 w 6858000"/>
              <a:gd name="connsiteY2605" fmla="*/ 3372615 h 6858000"/>
              <a:gd name="connsiteX2606" fmla="*/ 3500412 w 6858000"/>
              <a:gd name="connsiteY2606" fmla="*/ 3372615 h 6858000"/>
              <a:gd name="connsiteX2607" fmla="*/ 3500412 w 6858000"/>
              <a:gd name="connsiteY2607" fmla="*/ 3371319 h 6858000"/>
              <a:gd name="connsiteX2608" fmla="*/ 3375836 w 6858000"/>
              <a:gd name="connsiteY2608" fmla="*/ 3371097 h 6858000"/>
              <a:gd name="connsiteX2609" fmla="*/ 3375836 w 6858000"/>
              <a:gd name="connsiteY2609" fmla="*/ 3372837 h 6858000"/>
              <a:gd name="connsiteX2610" fmla="*/ 3377576 w 6858000"/>
              <a:gd name="connsiteY2610" fmla="*/ 3372837 h 6858000"/>
              <a:gd name="connsiteX2611" fmla="*/ 3377576 w 6858000"/>
              <a:gd name="connsiteY2611" fmla="*/ 3371097 h 6858000"/>
              <a:gd name="connsiteX2612" fmla="*/ 3252335 w 6858000"/>
              <a:gd name="connsiteY2612" fmla="*/ 3370690 h 6858000"/>
              <a:gd name="connsiteX2613" fmla="*/ 3252335 w 6858000"/>
              <a:gd name="connsiteY2613" fmla="*/ 3373282 h 6858000"/>
              <a:gd name="connsiteX2614" fmla="*/ 3254927 w 6858000"/>
              <a:gd name="connsiteY2614" fmla="*/ 3373282 h 6858000"/>
              <a:gd name="connsiteX2615" fmla="*/ 3254927 w 6858000"/>
              <a:gd name="connsiteY2615" fmla="*/ 3370690 h 6858000"/>
              <a:gd name="connsiteX2616" fmla="*/ 3129055 w 6858000"/>
              <a:gd name="connsiteY2616" fmla="*/ 3370467 h 6858000"/>
              <a:gd name="connsiteX2617" fmla="*/ 3129055 w 6858000"/>
              <a:gd name="connsiteY2617" fmla="*/ 3373504 h 6858000"/>
              <a:gd name="connsiteX2618" fmla="*/ 3132092 w 6858000"/>
              <a:gd name="connsiteY2618" fmla="*/ 3373504 h 6858000"/>
              <a:gd name="connsiteX2619" fmla="*/ 3132092 w 6858000"/>
              <a:gd name="connsiteY2619" fmla="*/ 3370467 h 6858000"/>
              <a:gd name="connsiteX2620" fmla="*/ 3005331 w 6858000"/>
              <a:gd name="connsiteY2620" fmla="*/ 3369801 h 6858000"/>
              <a:gd name="connsiteX2621" fmla="*/ 3005331 w 6858000"/>
              <a:gd name="connsiteY2621" fmla="*/ 3374134 h 6858000"/>
              <a:gd name="connsiteX2622" fmla="*/ 3009664 w 6858000"/>
              <a:gd name="connsiteY2622" fmla="*/ 3374134 h 6858000"/>
              <a:gd name="connsiteX2623" fmla="*/ 3009664 w 6858000"/>
              <a:gd name="connsiteY2623" fmla="*/ 3369801 h 6858000"/>
              <a:gd name="connsiteX2624" fmla="*/ 2881866 w 6858000"/>
              <a:gd name="connsiteY2624" fmla="*/ 3369357 h 6858000"/>
              <a:gd name="connsiteX2625" fmla="*/ 2881866 w 6858000"/>
              <a:gd name="connsiteY2625" fmla="*/ 3374578 h 6858000"/>
              <a:gd name="connsiteX2626" fmla="*/ 2887087 w 6858000"/>
              <a:gd name="connsiteY2626" fmla="*/ 3374578 h 6858000"/>
              <a:gd name="connsiteX2627" fmla="*/ 2887087 w 6858000"/>
              <a:gd name="connsiteY2627" fmla="*/ 3369357 h 6858000"/>
              <a:gd name="connsiteX2628" fmla="*/ 2758143 w 6858000"/>
              <a:gd name="connsiteY2628" fmla="*/ 3368726 h 6858000"/>
              <a:gd name="connsiteX2629" fmla="*/ 2758143 w 6858000"/>
              <a:gd name="connsiteY2629" fmla="*/ 3375244 h 6858000"/>
              <a:gd name="connsiteX2630" fmla="*/ 2764661 w 6858000"/>
              <a:gd name="connsiteY2630" fmla="*/ 3375244 h 6858000"/>
              <a:gd name="connsiteX2631" fmla="*/ 2764661 w 6858000"/>
              <a:gd name="connsiteY2631" fmla="*/ 3368726 h 6858000"/>
              <a:gd name="connsiteX2632" fmla="*/ 2634196 w 6858000"/>
              <a:gd name="connsiteY2632" fmla="*/ 3367838 h 6858000"/>
              <a:gd name="connsiteX2633" fmla="*/ 2634196 w 6858000"/>
              <a:gd name="connsiteY2633" fmla="*/ 3376096 h 6858000"/>
              <a:gd name="connsiteX2634" fmla="*/ 2642454 w 6858000"/>
              <a:gd name="connsiteY2634" fmla="*/ 3376096 h 6858000"/>
              <a:gd name="connsiteX2635" fmla="*/ 2642454 w 6858000"/>
              <a:gd name="connsiteY2635" fmla="*/ 3367838 h 6858000"/>
              <a:gd name="connsiteX2636" fmla="*/ 2510287 w 6858000"/>
              <a:gd name="connsiteY2636" fmla="*/ 3366986 h 6858000"/>
              <a:gd name="connsiteX2637" fmla="*/ 2510287 w 6858000"/>
              <a:gd name="connsiteY2637" fmla="*/ 3376985 h 6858000"/>
              <a:gd name="connsiteX2638" fmla="*/ 2520286 w 6858000"/>
              <a:gd name="connsiteY2638" fmla="*/ 3376985 h 6858000"/>
              <a:gd name="connsiteX2639" fmla="*/ 2520286 w 6858000"/>
              <a:gd name="connsiteY2639" fmla="*/ 3366986 h 6858000"/>
              <a:gd name="connsiteX2640" fmla="*/ 2386341 w 6858000"/>
              <a:gd name="connsiteY2640" fmla="*/ 3366098 h 6858000"/>
              <a:gd name="connsiteX2641" fmla="*/ 2386341 w 6858000"/>
              <a:gd name="connsiteY2641" fmla="*/ 3377837 h 6858000"/>
              <a:gd name="connsiteX2642" fmla="*/ 2398080 w 6858000"/>
              <a:gd name="connsiteY2642" fmla="*/ 3377837 h 6858000"/>
              <a:gd name="connsiteX2643" fmla="*/ 2398080 w 6858000"/>
              <a:gd name="connsiteY2643" fmla="*/ 3366098 h 6858000"/>
              <a:gd name="connsiteX2644" fmla="*/ 2262210 w 6858000"/>
              <a:gd name="connsiteY2644" fmla="*/ 3365024 h 6858000"/>
              <a:gd name="connsiteX2645" fmla="*/ 2262210 w 6858000"/>
              <a:gd name="connsiteY2645" fmla="*/ 3378911 h 6858000"/>
              <a:gd name="connsiteX2646" fmla="*/ 2276097 w 6858000"/>
              <a:gd name="connsiteY2646" fmla="*/ 3378911 h 6858000"/>
              <a:gd name="connsiteX2647" fmla="*/ 2276097 w 6858000"/>
              <a:gd name="connsiteY2647" fmla="*/ 3365024 h 6858000"/>
              <a:gd name="connsiteX2648" fmla="*/ 2138079 w 6858000"/>
              <a:gd name="connsiteY2648" fmla="*/ 3363950 h 6858000"/>
              <a:gd name="connsiteX2649" fmla="*/ 2138079 w 6858000"/>
              <a:gd name="connsiteY2649" fmla="*/ 3380022 h 6858000"/>
              <a:gd name="connsiteX2650" fmla="*/ 2154151 w 6858000"/>
              <a:gd name="connsiteY2650" fmla="*/ 3380022 h 6858000"/>
              <a:gd name="connsiteX2651" fmla="*/ 2154151 w 6858000"/>
              <a:gd name="connsiteY2651" fmla="*/ 3363950 h 6858000"/>
              <a:gd name="connsiteX2652" fmla="*/ 2013911 w 6858000"/>
              <a:gd name="connsiteY2652" fmla="*/ 3362839 h 6858000"/>
              <a:gd name="connsiteX2653" fmla="*/ 2013911 w 6858000"/>
              <a:gd name="connsiteY2653" fmla="*/ 3381096 h 6858000"/>
              <a:gd name="connsiteX2654" fmla="*/ 2032168 w 6858000"/>
              <a:gd name="connsiteY2654" fmla="*/ 3381096 h 6858000"/>
              <a:gd name="connsiteX2655" fmla="*/ 2032168 w 6858000"/>
              <a:gd name="connsiteY2655" fmla="*/ 3362839 h 6858000"/>
              <a:gd name="connsiteX2656" fmla="*/ 1889557 w 6858000"/>
              <a:gd name="connsiteY2656" fmla="*/ 3361543 h 6858000"/>
              <a:gd name="connsiteX2657" fmla="*/ 1889557 w 6858000"/>
              <a:gd name="connsiteY2657" fmla="*/ 3382392 h 6858000"/>
              <a:gd name="connsiteX2658" fmla="*/ 1910406 w 6858000"/>
              <a:gd name="connsiteY2658" fmla="*/ 3382392 h 6858000"/>
              <a:gd name="connsiteX2659" fmla="*/ 1910406 w 6858000"/>
              <a:gd name="connsiteY2659" fmla="*/ 3361543 h 6858000"/>
              <a:gd name="connsiteX2660" fmla="*/ 1764981 w 6858000"/>
              <a:gd name="connsiteY2660" fmla="*/ 3360024 h 6858000"/>
              <a:gd name="connsiteX2661" fmla="*/ 1764981 w 6858000"/>
              <a:gd name="connsiteY2661" fmla="*/ 3383910 h 6858000"/>
              <a:gd name="connsiteX2662" fmla="*/ 1788867 w 6858000"/>
              <a:gd name="connsiteY2662" fmla="*/ 3383910 h 6858000"/>
              <a:gd name="connsiteX2663" fmla="*/ 1788867 w 6858000"/>
              <a:gd name="connsiteY2663" fmla="*/ 3360024 h 6858000"/>
              <a:gd name="connsiteX2664" fmla="*/ 1640591 w 6858000"/>
              <a:gd name="connsiteY2664" fmla="*/ 3358728 h 6858000"/>
              <a:gd name="connsiteX2665" fmla="*/ 1640591 w 6858000"/>
              <a:gd name="connsiteY2665" fmla="*/ 3385206 h 6858000"/>
              <a:gd name="connsiteX2666" fmla="*/ 1667069 w 6858000"/>
              <a:gd name="connsiteY2666" fmla="*/ 3385206 h 6858000"/>
              <a:gd name="connsiteX2667" fmla="*/ 1667069 w 6858000"/>
              <a:gd name="connsiteY2667" fmla="*/ 3358728 h 6858000"/>
              <a:gd name="connsiteX2668" fmla="*/ 1516238 w 6858000"/>
              <a:gd name="connsiteY2668" fmla="*/ 3357432 h 6858000"/>
              <a:gd name="connsiteX2669" fmla="*/ 1516238 w 6858000"/>
              <a:gd name="connsiteY2669" fmla="*/ 3386539 h 6858000"/>
              <a:gd name="connsiteX2670" fmla="*/ 1545345 w 6858000"/>
              <a:gd name="connsiteY2670" fmla="*/ 3386539 h 6858000"/>
              <a:gd name="connsiteX2671" fmla="*/ 1545345 w 6858000"/>
              <a:gd name="connsiteY2671" fmla="*/ 3357432 h 6858000"/>
              <a:gd name="connsiteX2672" fmla="*/ 1392106 w 6858000"/>
              <a:gd name="connsiteY2672" fmla="*/ 3356358 h 6858000"/>
              <a:gd name="connsiteX2673" fmla="*/ 1392106 w 6858000"/>
              <a:gd name="connsiteY2673" fmla="*/ 3387613 h 6858000"/>
              <a:gd name="connsiteX2674" fmla="*/ 1423361 w 6858000"/>
              <a:gd name="connsiteY2674" fmla="*/ 3387613 h 6858000"/>
              <a:gd name="connsiteX2675" fmla="*/ 1423361 w 6858000"/>
              <a:gd name="connsiteY2675" fmla="*/ 3356358 h 6858000"/>
              <a:gd name="connsiteX2676" fmla="*/ 1267753 w 6858000"/>
              <a:gd name="connsiteY2676" fmla="*/ 3355025 h 6858000"/>
              <a:gd name="connsiteX2677" fmla="*/ 1267753 w 6858000"/>
              <a:gd name="connsiteY2677" fmla="*/ 3388909 h 6858000"/>
              <a:gd name="connsiteX2678" fmla="*/ 1301637 w 6858000"/>
              <a:gd name="connsiteY2678" fmla="*/ 3388909 h 6858000"/>
              <a:gd name="connsiteX2679" fmla="*/ 1301637 w 6858000"/>
              <a:gd name="connsiteY2679" fmla="*/ 3355025 h 6858000"/>
              <a:gd name="connsiteX2680" fmla="*/ 1143585 w 6858000"/>
              <a:gd name="connsiteY2680" fmla="*/ 3353951 h 6858000"/>
              <a:gd name="connsiteX2681" fmla="*/ 1143585 w 6858000"/>
              <a:gd name="connsiteY2681" fmla="*/ 3389983 h 6858000"/>
              <a:gd name="connsiteX2682" fmla="*/ 1179617 w 6858000"/>
              <a:gd name="connsiteY2682" fmla="*/ 3389983 h 6858000"/>
              <a:gd name="connsiteX2683" fmla="*/ 1179617 w 6858000"/>
              <a:gd name="connsiteY2683" fmla="*/ 3353951 h 6858000"/>
              <a:gd name="connsiteX2684" fmla="*/ 1019453 w 6858000"/>
              <a:gd name="connsiteY2684" fmla="*/ 3352877 h 6858000"/>
              <a:gd name="connsiteX2685" fmla="*/ 1019453 w 6858000"/>
              <a:gd name="connsiteY2685" fmla="*/ 3391094 h 6858000"/>
              <a:gd name="connsiteX2686" fmla="*/ 1057670 w 6858000"/>
              <a:gd name="connsiteY2686" fmla="*/ 3391094 h 6858000"/>
              <a:gd name="connsiteX2687" fmla="*/ 1057670 w 6858000"/>
              <a:gd name="connsiteY2687" fmla="*/ 3352877 h 6858000"/>
              <a:gd name="connsiteX2688" fmla="*/ 895285 w 6858000"/>
              <a:gd name="connsiteY2688" fmla="*/ 3351766 h 6858000"/>
              <a:gd name="connsiteX2689" fmla="*/ 895285 w 6858000"/>
              <a:gd name="connsiteY2689" fmla="*/ 3392168 h 6858000"/>
              <a:gd name="connsiteX2690" fmla="*/ 935687 w 6858000"/>
              <a:gd name="connsiteY2690" fmla="*/ 3392168 h 6858000"/>
              <a:gd name="connsiteX2691" fmla="*/ 935687 w 6858000"/>
              <a:gd name="connsiteY2691" fmla="*/ 3351766 h 6858000"/>
              <a:gd name="connsiteX2692" fmla="*/ 771376 w 6858000"/>
              <a:gd name="connsiteY2692" fmla="*/ 3350915 h 6858000"/>
              <a:gd name="connsiteX2693" fmla="*/ 771376 w 6858000"/>
              <a:gd name="connsiteY2693" fmla="*/ 3393057 h 6858000"/>
              <a:gd name="connsiteX2694" fmla="*/ 813518 w 6858000"/>
              <a:gd name="connsiteY2694" fmla="*/ 3393057 h 6858000"/>
              <a:gd name="connsiteX2695" fmla="*/ 813518 w 6858000"/>
              <a:gd name="connsiteY2695" fmla="*/ 3350915 h 6858000"/>
              <a:gd name="connsiteX2696" fmla="*/ 647430 w 6858000"/>
              <a:gd name="connsiteY2696" fmla="*/ 3350026 h 6858000"/>
              <a:gd name="connsiteX2697" fmla="*/ 647430 w 6858000"/>
              <a:gd name="connsiteY2697" fmla="*/ 3393909 h 6858000"/>
              <a:gd name="connsiteX2698" fmla="*/ 691313 w 6858000"/>
              <a:gd name="connsiteY2698" fmla="*/ 3393909 h 6858000"/>
              <a:gd name="connsiteX2699" fmla="*/ 691313 w 6858000"/>
              <a:gd name="connsiteY2699" fmla="*/ 3350026 h 6858000"/>
              <a:gd name="connsiteX2700" fmla="*/ 523743 w 6858000"/>
              <a:gd name="connsiteY2700" fmla="*/ 3349396 h 6858000"/>
              <a:gd name="connsiteX2701" fmla="*/ 523743 w 6858000"/>
              <a:gd name="connsiteY2701" fmla="*/ 3394575 h 6858000"/>
              <a:gd name="connsiteX2702" fmla="*/ 568922 w 6858000"/>
              <a:gd name="connsiteY2702" fmla="*/ 3394575 h 6858000"/>
              <a:gd name="connsiteX2703" fmla="*/ 568922 w 6858000"/>
              <a:gd name="connsiteY2703" fmla="*/ 3349396 h 6858000"/>
              <a:gd name="connsiteX2704" fmla="*/ 400019 w 6858000"/>
              <a:gd name="connsiteY2704" fmla="*/ 3348730 h 6858000"/>
              <a:gd name="connsiteX2705" fmla="*/ 400019 w 6858000"/>
              <a:gd name="connsiteY2705" fmla="*/ 3395205 h 6858000"/>
              <a:gd name="connsiteX2706" fmla="*/ 446494 w 6858000"/>
              <a:gd name="connsiteY2706" fmla="*/ 3395205 h 6858000"/>
              <a:gd name="connsiteX2707" fmla="*/ 446494 w 6858000"/>
              <a:gd name="connsiteY2707" fmla="*/ 3348730 h 6858000"/>
              <a:gd name="connsiteX2708" fmla="*/ 30625 w 6858000"/>
              <a:gd name="connsiteY2708" fmla="*/ 3348508 h 6858000"/>
              <a:gd name="connsiteX2709" fmla="*/ 30625 w 6858000"/>
              <a:gd name="connsiteY2709" fmla="*/ 3395427 h 6858000"/>
              <a:gd name="connsiteX2710" fmla="*/ 77545 w 6858000"/>
              <a:gd name="connsiteY2710" fmla="*/ 3395427 h 6858000"/>
              <a:gd name="connsiteX2711" fmla="*/ 77545 w 6858000"/>
              <a:gd name="connsiteY2711" fmla="*/ 3348508 h 6858000"/>
              <a:gd name="connsiteX2712" fmla="*/ 276517 w 6858000"/>
              <a:gd name="connsiteY2712" fmla="*/ 3348322 h 6858000"/>
              <a:gd name="connsiteX2713" fmla="*/ 276517 w 6858000"/>
              <a:gd name="connsiteY2713" fmla="*/ 3395649 h 6858000"/>
              <a:gd name="connsiteX2714" fmla="*/ 323844 w 6858000"/>
              <a:gd name="connsiteY2714" fmla="*/ 3395649 h 6858000"/>
              <a:gd name="connsiteX2715" fmla="*/ 323844 w 6858000"/>
              <a:gd name="connsiteY2715" fmla="*/ 3348322 h 6858000"/>
              <a:gd name="connsiteX2716" fmla="*/ 153238 w 6858000"/>
              <a:gd name="connsiteY2716" fmla="*/ 3348100 h 6858000"/>
              <a:gd name="connsiteX2717" fmla="*/ 153238 w 6858000"/>
              <a:gd name="connsiteY2717" fmla="*/ 3395871 h 6858000"/>
              <a:gd name="connsiteX2718" fmla="*/ 201009 w 6858000"/>
              <a:gd name="connsiteY2718" fmla="*/ 3395871 h 6858000"/>
              <a:gd name="connsiteX2719" fmla="*/ 201009 w 6858000"/>
              <a:gd name="connsiteY2719" fmla="*/ 3348100 h 6858000"/>
              <a:gd name="connsiteX2720" fmla="*/ 4484019 w 6858000"/>
              <a:gd name="connsiteY2720" fmla="*/ 3248669 h 6858000"/>
              <a:gd name="connsiteX2721" fmla="*/ 4484019 w 6858000"/>
              <a:gd name="connsiteY2721" fmla="*/ 3249113 h 6858000"/>
              <a:gd name="connsiteX2722" fmla="*/ 4484463 w 6858000"/>
              <a:gd name="connsiteY2722" fmla="*/ 3249113 h 6858000"/>
              <a:gd name="connsiteX2723" fmla="*/ 4484463 w 6858000"/>
              <a:gd name="connsiteY2723" fmla="*/ 3248669 h 6858000"/>
              <a:gd name="connsiteX2724" fmla="*/ 4360961 w 6858000"/>
              <a:gd name="connsiteY2724" fmla="*/ 3248669 h 6858000"/>
              <a:gd name="connsiteX2725" fmla="*/ 4360961 w 6858000"/>
              <a:gd name="connsiteY2725" fmla="*/ 3249113 h 6858000"/>
              <a:gd name="connsiteX2726" fmla="*/ 4361405 w 6858000"/>
              <a:gd name="connsiteY2726" fmla="*/ 3249113 h 6858000"/>
              <a:gd name="connsiteX2727" fmla="*/ 4361405 w 6858000"/>
              <a:gd name="connsiteY2727" fmla="*/ 3248669 h 6858000"/>
              <a:gd name="connsiteX2728" fmla="*/ 4237904 w 6858000"/>
              <a:gd name="connsiteY2728" fmla="*/ 3248669 h 6858000"/>
              <a:gd name="connsiteX2729" fmla="*/ 4237904 w 6858000"/>
              <a:gd name="connsiteY2729" fmla="*/ 3249113 h 6858000"/>
              <a:gd name="connsiteX2730" fmla="*/ 4238348 w 6858000"/>
              <a:gd name="connsiteY2730" fmla="*/ 3249113 h 6858000"/>
              <a:gd name="connsiteX2731" fmla="*/ 4238348 w 6858000"/>
              <a:gd name="connsiteY2731" fmla="*/ 3248669 h 6858000"/>
              <a:gd name="connsiteX2732" fmla="*/ 4114847 w 6858000"/>
              <a:gd name="connsiteY2732" fmla="*/ 3248669 h 6858000"/>
              <a:gd name="connsiteX2733" fmla="*/ 4114847 w 6858000"/>
              <a:gd name="connsiteY2733" fmla="*/ 3249113 h 6858000"/>
              <a:gd name="connsiteX2734" fmla="*/ 4115291 w 6858000"/>
              <a:gd name="connsiteY2734" fmla="*/ 3249113 h 6858000"/>
              <a:gd name="connsiteX2735" fmla="*/ 4115291 w 6858000"/>
              <a:gd name="connsiteY2735" fmla="*/ 3248669 h 6858000"/>
              <a:gd name="connsiteX2736" fmla="*/ 3991789 w 6858000"/>
              <a:gd name="connsiteY2736" fmla="*/ 3248669 h 6858000"/>
              <a:gd name="connsiteX2737" fmla="*/ 3991789 w 6858000"/>
              <a:gd name="connsiteY2737" fmla="*/ 3249113 h 6858000"/>
              <a:gd name="connsiteX2738" fmla="*/ 3992234 w 6858000"/>
              <a:gd name="connsiteY2738" fmla="*/ 3249113 h 6858000"/>
              <a:gd name="connsiteX2739" fmla="*/ 3992234 w 6858000"/>
              <a:gd name="connsiteY2739" fmla="*/ 3248669 h 6858000"/>
              <a:gd name="connsiteX2740" fmla="*/ 3868732 w 6858000"/>
              <a:gd name="connsiteY2740" fmla="*/ 3248669 h 6858000"/>
              <a:gd name="connsiteX2741" fmla="*/ 3868732 w 6858000"/>
              <a:gd name="connsiteY2741" fmla="*/ 3249113 h 6858000"/>
              <a:gd name="connsiteX2742" fmla="*/ 3869176 w 6858000"/>
              <a:gd name="connsiteY2742" fmla="*/ 3249113 h 6858000"/>
              <a:gd name="connsiteX2743" fmla="*/ 3869176 w 6858000"/>
              <a:gd name="connsiteY2743" fmla="*/ 3248669 h 6858000"/>
              <a:gd name="connsiteX2744" fmla="*/ 3745453 w 6858000"/>
              <a:gd name="connsiteY2744" fmla="*/ 3248484 h 6858000"/>
              <a:gd name="connsiteX2745" fmla="*/ 3745453 w 6858000"/>
              <a:gd name="connsiteY2745" fmla="*/ 3249336 h 6858000"/>
              <a:gd name="connsiteX2746" fmla="*/ 3746305 w 6858000"/>
              <a:gd name="connsiteY2746" fmla="*/ 3249336 h 6858000"/>
              <a:gd name="connsiteX2747" fmla="*/ 3746305 w 6858000"/>
              <a:gd name="connsiteY2747" fmla="*/ 3248484 h 6858000"/>
              <a:gd name="connsiteX2748" fmla="*/ 3622395 w 6858000"/>
              <a:gd name="connsiteY2748" fmla="*/ 3248484 h 6858000"/>
              <a:gd name="connsiteX2749" fmla="*/ 3622395 w 6858000"/>
              <a:gd name="connsiteY2749" fmla="*/ 3249336 h 6858000"/>
              <a:gd name="connsiteX2750" fmla="*/ 3623247 w 6858000"/>
              <a:gd name="connsiteY2750" fmla="*/ 3249336 h 6858000"/>
              <a:gd name="connsiteX2751" fmla="*/ 3623247 w 6858000"/>
              <a:gd name="connsiteY2751" fmla="*/ 3248484 h 6858000"/>
              <a:gd name="connsiteX2752" fmla="*/ 3499116 w 6858000"/>
              <a:gd name="connsiteY2752" fmla="*/ 3248262 h 6858000"/>
              <a:gd name="connsiteX2753" fmla="*/ 3499116 w 6858000"/>
              <a:gd name="connsiteY2753" fmla="*/ 3249558 h 6858000"/>
              <a:gd name="connsiteX2754" fmla="*/ 3500412 w 6858000"/>
              <a:gd name="connsiteY2754" fmla="*/ 3249558 h 6858000"/>
              <a:gd name="connsiteX2755" fmla="*/ 3500412 w 6858000"/>
              <a:gd name="connsiteY2755" fmla="*/ 3248262 h 6858000"/>
              <a:gd name="connsiteX2756" fmla="*/ 3375836 w 6858000"/>
              <a:gd name="connsiteY2756" fmla="*/ 3248040 h 6858000"/>
              <a:gd name="connsiteX2757" fmla="*/ 3375836 w 6858000"/>
              <a:gd name="connsiteY2757" fmla="*/ 3249780 h 6858000"/>
              <a:gd name="connsiteX2758" fmla="*/ 3377576 w 6858000"/>
              <a:gd name="connsiteY2758" fmla="*/ 3249780 h 6858000"/>
              <a:gd name="connsiteX2759" fmla="*/ 3377576 w 6858000"/>
              <a:gd name="connsiteY2759" fmla="*/ 3248040 h 6858000"/>
              <a:gd name="connsiteX2760" fmla="*/ 3252335 w 6858000"/>
              <a:gd name="connsiteY2760" fmla="*/ 3247632 h 6858000"/>
              <a:gd name="connsiteX2761" fmla="*/ 3252335 w 6858000"/>
              <a:gd name="connsiteY2761" fmla="*/ 3250224 h 6858000"/>
              <a:gd name="connsiteX2762" fmla="*/ 3254927 w 6858000"/>
              <a:gd name="connsiteY2762" fmla="*/ 3250224 h 6858000"/>
              <a:gd name="connsiteX2763" fmla="*/ 3254927 w 6858000"/>
              <a:gd name="connsiteY2763" fmla="*/ 3247632 h 6858000"/>
              <a:gd name="connsiteX2764" fmla="*/ 3128833 w 6858000"/>
              <a:gd name="connsiteY2764" fmla="*/ 3247188 h 6858000"/>
              <a:gd name="connsiteX2765" fmla="*/ 3128833 w 6858000"/>
              <a:gd name="connsiteY2765" fmla="*/ 3250669 h 6858000"/>
              <a:gd name="connsiteX2766" fmla="*/ 3132314 w 6858000"/>
              <a:gd name="connsiteY2766" fmla="*/ 3250669 h 6858000"/>
              <a:gd name="connsiteX2767" fmla="*/ 3132314 w 6858000"/>
              <a:gd name="connsiteY2767" fmla="*/ 3247188 h 6858000"/>
              <a:gd name="connsiteX2768" fmla="*/ 3005331 w 6858000"/>
              <a:gd name="connsiteY2768" fmla="*/ 3246743 h 6858000"/>
              <a:gd name="connsiteX2769" fmla="*/ 3005331 w 6858000"/>
              <a:gd name="connsiteY2769" fmla="*/ 3251076 h 6858000"/>
              <a:gd name="connsiteX2770" fmla="*/ 3009664 w 6858000"/>
              <a:gd name="connsiteY2770" fmla="*/ 3251076 h 6858000"/>
              <a:gd name="connsiteX2771" fmla="*/ 3009664 w 6858000"/>
              <a:gd name="connsiteY2771" fmla="*/ 3246743 h 6858000"/>
              <a:gd name="connsiteX2772" fmla="*/ 2881644 w 6858000"/>
              <a:gd name="connsiteY2772" fmla="*/ 3246114 h 6858000"/>
              <a:gd name="connsiteX2773" fmla="*/ 2881644 w 6858000"/>
              <a:gd name="connsiteY2773" fmla="*/ 3251743 h 6858000"/>
              <a:gd name="connsiteX2774" fmla="*/ 2887273 w 6858000"/>
              <a:gd name="connsiteY2774" fmla="*/ 3251743 h 6858000"/>
              <a:gd name="connsiteX2775" fmla="*/ 2887273 w 6858000"/>
              <a:gd name="connsiteY2775" fmla="*/ 3246114 h 6858000"/>
              <a:gd name="connsiteX2776" fmla="*/ 2757920 w 6858000"/>
              <a:gd name="connsiteY2776" fmla="*/ 3245410 h 6858000"/>
              <a:gd name="connsiteX2777" fmla="*/ 2757920 w 6858000"/>
              <a:gd name="connsiteY2777" fmla="*/ 3252372 h 6858000"/>
              <a:gd name="connsiteX2778" fmla="*/ 2764882 w 6858000"/>
              <a:gd name="connsiteY2778" fmla="*/ 3252372 h 6858000"/>
              <a:gd name="connsiteX2779" fmla="*/ 2764882 w 6858000"/>
              <a:gd name="connsiteY2779" fmla="*/ 3245410 h 6858000"/>
              <a:gd name="connsiteX2780" fmla="*/ 2634011 w 6858000"/>
              <a:gd name="connsiteY2780" fmla="*/ 3244559 h 6858000"/>
              <a:gd name="connsiteX2781" fmla="*/ 2634011 w 6858000"/>
              <a:gd name="connsiteY2781" fmla="*/ 3253261 h 6858000"/>
              <a:gd name="connsiteX2782" fmla="*/ 2642714 w 6858000"/>
              <a:gd name="connsiteY2782" fmla="*/ 3253261 h 6858000"/>
              <a:gd name="connsiteX2783" fmla="*/ 2642714 w 6858000"/>
              <a:gd name="connsiteY2783" fmla="*/ 3244559 h 6858000"/>
              <a:gd name="connsiteX2784" fmla="*/ 2510065 w 6858000"/>
              <a:gd name="connsiteY2784" fmla="*/ 3243707 h 6858000"/>
              <a:gd name="connsiteX2785" fmla="*/ 2510065 w 6858000"/>
              <a:gd name="connsiteY2785" fmla="*/ 3254113 h 6858000"/>
              <a:gd name="connsiteX2786" fmla="*/ 2520471 w 6858000"/>
              <a:gd name="connsiteY2786" fmla="*/ 3254113 h 6858000"/>
              <a:gd name="connsiteX2787" fmla="*/ 2520471 w 6858000"/>
              <a:gd name="connsiteY2787" fmla="*/ 3243707 h 6858000"/>
              <a:gd name="connsiteX2788" fmla="*/ 2385934 w 6858000"/>
              <a:gd name="connsiteY2788" fmla="*/ 3242633 h 6858000"/>
              <a:gd name="connsiteX2789" fmla="*/ 2385934 w 6858000"/>
              <a:gd name="connsiteY2789" fmla="*/ 3255224 h 6858000"/>
              <a:gd name="connsiteX2790" fmla="*/ 2398525 w 6858000"/>
              <a:gd name="connsiteY2790" fmla="*/ 3255224 h 6858000"/>
              <a:gd name="connsiteX2791" fmla="*/ 2398525 w 6858000"/>
              <a:gd name="connsiteY2791" fmla="*/ 3242633 h 6858000"/>
              <a:gd name="connsiteX2792" fmla="*/ 2261766 w 6858000"/>
              <a:gd name="connsiteY2792" fmla="*/ 3241522 h 6858000"/>
              <a:gd name="connsiteX2793" fmla="*/ 2261766 w 6858000"/>
              <a:gd name="connsiteY2793" fmla="*/ 3256298 h 6858000"/>
              <a:gd name="connsiteX2794" fmla="*/ 2276542 w 6858000"/>
              <a:gd name="connsiteY2794" fmla="*/ 3256298 h 6858000"/>
              <a:gd name="connsiteX2795" fmla="*/ 2276542 w 6858000"/>
              <a:gd name="connsiteY2795" fmla="*/ 3241522 h 6858000"/>
              <a:gd name="connsiteX2796" fmla="*/ 2137412 w 6858000"/>
              <a:gd name="connsiteY2796" fmla="*/ 3240226 h 6858000"/>
              <a:gd name="connsiteX2797" fmla="*/ 2137412 w 6858000"/>
              <a:gd name="connsiteY2797" fmla="*/ 3257594 h 6858000"/>
              <a:gd name="connsiteX2798" fmla="*/ 2154780 w 6858000"/>
              <a:gd name="connsiteY2798" fmla="*/ 3257594 h 6858000"/>
              <a:gd name="connsiteX2799" fmla="*/ 2154780 w 6858000"/>
              <a:gd name="connsiteY2799" fmla="*/ 3240226 h 6858000"/>
              <a:gd name="connsiteX2800" fmla="*/ 2013059 w 6858000"/>
              <a:gd name="connsiteY2800" fmla="*/ 3238893 h 6858000"/>
              <a:gd name="connsiteX2801" fmla="*/ 2013059 w 6858000"/>
              <a:gd name="connsiteY2801" fmla="*/ 3258890 h 6858000"/>
              <a:gd name="connsiteX2802" fmla="*/ 2033056 w 6858000"/>
              <a:gd name="connsiteY2802" fmla="*/ 3258890 h 6858000"/>
              <a:gd name="connsiteX2803" fmla="*/ 2033056 w 6858000"/>
              <a:gd name="connsiteY2803" fmla="*/ 3238893 h 6858000"/>
              <a:gd name="connsiteX2804" fmla="*/ 1888668 w 6858000"/>
              <a:gd name="connsiteY2804" fmla="*/ 3237634 h 6858000"/>
              <a:gd name="connsiteX2805" fmla="*/ 1888668 w 6858000"/>
              <a:gd name="connsiteY2805" fmla="*/ 3260223 h 6858000"/>
              <a:gd name="connsiteX2806" fmla="*/ 1911257 w 6858000"/>
              <a:gd name="connsiteY2806" fmla="*/ 3260223 h 6858000"/>
              <a:gd name="connsiteX2807" fmla="*/ 1911257 w 6858000"/>
              <a:gd name="connsiteY2807" fmla="*/ 3237634 h 6858000"/>
              <a:gd name="connsiteX2808" fmla="*/ 1764093 w 6858000"/>
              <a:gd name="connsiteY2808" fmla="*/ 3236115 h 6858000"/>
              <a:gd name="connsiteX2809" fmla="*/ 1764093 w 6858000"/>
              <a:gd name="connsiteY2809" fmla="*/ 3261741 h 6858000"/>
              <a:gd name="connsiteX2810" fmla="*/ 1789719 w 6858000"/>
              <a:gd name="connsiteY2810" fmla="*/ 3261741 h 6858000"/>
              <a:gd name="connsiteX2811" fmla="*/ 1789719 w 6858000"/>
              <a:gd name="connsiteY2811" fmla="*/ 3236115 h 6858000"/>
              <a:gd name="connsiteX2812" fmla="*/ 1639517 w 6858000"/>
              <a:gd name="connsiteY2812" fmla="*/ 3234597 h 6858000"/>
              <a:gd name="connsiteX2813" fmla="*/ 1639517 w 6858000"/>
              <a:gd name="connsiteY2813" fmla="*/ 3263260 h 6858000"/>
              <a:gd name="connsiteX2814" fmla="*/ 1668180 w 6858000"/>
              <a:gd name="connsiteY2814" fmla="*/ 3263260 h 6858000"/>
              <a:gd name="connsiteX2815" fmla="*/ 1668180 w 6858000"/>
              <a:gd name="connsiteY2815" fmla="*/ 3234597 h 6858000"/>
              <a:gd name="connsiteX2816" fmla="*/ 1514941 w 6858000"/>
              <a:gd name="connsiteY2816" fmla="*/ 3233079 h 6858000"/>
              <a:gd name="connsiteX2817" fmla="*/ 1514941 w 6858000"/>
              <a:gd name="connsiteY2817" fmla="*/ 3264778 h 6858000"/>
              <a:gd name="connsiteX2818" fmla="*/ 1546640 w 6858000"/>
              <a:gd name="connsiteY2818" fmla="*/ 3264778 h 6858000"/>
              <a:gd name="connsiteX2819" fmla="*/ 1546640 w 6858000"/>
              <a:gd name="connsiteY2819" fmla="*/ 3233079 h 6858000"/>
              <a:gd name="connsiteX2820" fmla="*/ 1390588 w 6858000"/>
              <a:gd name="connsiteY2820" fmla="*/ 3231745 h 6858000"/>
              <a:gd name="connsiteX2821" fmla="*/ 1390588 w 6858000"/>
              <a:gd name="connsiteY2821" fmla="*/ 3266074 h 6858000"/>
              <a:gd name="connsiteX2822" fmla="*/ 1424917 w 6858000"/>
              <a:gd name="connsiteY2822" fmla="*/ 3266074 h 6858000"/>
              <a:gd name="connsiteX2823" fmla="*/ 1424917 w 6858000"/>
              <a:gd name="connsiteY2823" fmla="*/ 3231745 h 6858000"/>
              <a:gd name="connsiteX2824" fmla="*/ 1266012 w 6858000"/>
              <a:gd name="connsiteY2824" fmla="*/ 3230227 h 6858000"/>
              <a:gd name="connsiteX2825" fmla="*/ 1266012 w 6858000"/>
              <a:gd name="connsiteY2825" fmla="*/ 3267592 h 6858000"/>
              <a:gd name="connsiteX2826" fmla="*/ 1303377 w 6858000"/>
              <a:gd name="connsiteY2826" fmla="*/ 3267592 h 6858000"/>
              <a:gd name="connsiteX2827" fmla="*/ 1303377 w 6858000"/>
              <a:gd name="connsiteY2827" fmla="*/ 3230227 h 6858000"/>
              <a:gd name="connsiteX2828" fmla="*/ 1141622 w 6858000"/>
              <a:gd name="connsiteY2828" fmla="*/ 3228931 h 6858000"/>
              <a:gd name="connsiteX2829" fmla="*/ 1141622 w 6858000"/>
              <a:gd name="connsiteY2829" fmla="*/ 3268889 h 6858000"/>
              <a:gd name="connsiteX2830" fmla="*/ 1181580 w 6858000"/>
              <a:gd name="connsiteY2830" fmla="*/ 3268889 h 6858000"/>
              <a:gd name="connsiteX2831" fmla="*/ 1181580 w 6858000"/>
              <a:gd name="connsiteY2831" fmla="*/ 3228931 h 6858000"/>
              <a:gd name="connsiteX2832" fmla="*/ 1017491 w 6858000"/>
              <a:gd name="connsiteY2832" fmla="*/ 3227820 h 6858000"/>
              <a:gd name="connsiteX2833" fmla="*/ 1017491 w 6858000"/>
              <a:gd name="connsiteY2833" fmla="*/ 3269962 h 6858000"/>
              <a:gd name="connsiteX2834" fmla="*/ 1059633 w 6858000"/>
              <a:gd name="connsiteY2834" fmla="*/ 3269962 h 6858000"/>
              <a:gd name="connsiteX2835" fmla="*/ 1059633 w 6858000"/>
              <a:gd name="connsiteY2835" fmla="*/ 3227820 h 6858000"/>
              <a:gd name="connsiteX2836" fmla="*/ 893359 w 6858000"/>
              <a:gd name="connsiteY2836" fmla="*/ 3226783 h 6858000"/>
              <a:gd name="connsiteX2837" fmla="*/ 893359 w 6858000"/>
              <a:gd name="connsiteY2837" fmla="*/ 3271073 h 6858000"/>
              <a:gd name="connsiteX2838" fmla="*/ 937649 w 6858000"/>
              <a:gd name="connsiteY2838" fmla="*/ 3271073 h 6858000"/>
              <a:gd name="connsiteX2839" fmla="*/ 937649 w 6858000"/>
              <a:gd name="connsiteY2839" fmla="*/ 3226783 h 6858000"/>
              <a:gd name="connsiteX2840" fmla="*/ 769191 w 6858000"/>
              <a:gd name="connsiteY2840" fmla="*/ 3225672 h 6858000"/>
              <a:gd name="connsiteX2841" fmla="*/ 769191 w 6858000"/>
              <a:gd name="connsiteY2841" fmla="*/ 3272147 h 6858000"/>
              <a:gd name="connsiteX2842" fmla="*/ 815666 w 6858000"/>
              <a:gd name="connsiteY2842" fmla="*/ 3272147 h 6858000"/>
              <a:gd name="connsiteX2843" fmla="*/ 815666 w 6858000"/>
              <a:gd name="connsiteY2843" fmla="*/ 3225672 h 6858000"/>
              <a:gd name="connsiteX2844" fmla="*/ 645282 w 6858000"/>
              <a:gd name="connsiteY2844" fmla="*/ 3224820 h 6858000"/>
              <a:gd name="connsiteX2845" fmla="*/ 645282 w 6858000"/>
              <a:gd name="connsiteY2845" fmla="*/ 3273036 h 6858000"/>
              <a:gd name="connsiteX2846" fmla="*/ 693498 w 6858000"/>
              <a:gd name="connsiteY2846" fmla="*/ 3273036 h 6858000"/>
              <a:gd name="connsiteX2847" fmla="*/ 693498 w 6858000"/>
              <a:gd name="connsiteY2847" fmla="*/ 3224820 h 6858000"/>
              <a:gd name="connsiteX2848" fmla="*/ 521336 w 6858000"/>
              <a:gd name="connsiteY2848" fmla="*/ 3223932 h 6858000"/>
              <a:gd name="connsiteX2849" fmla="*/ 521336 w 6858000"/>
              <a:gd name="connsiteY2849" fmla="*/ 3273888 h 6858000"/>
              <a:gd name="connsiteX2850" fmla="*/ 571292 w 6858000"/>
              <a:gd name="connsiteY2850" fmla="*/ 3273888 h 6858000"/>
              <a:gd name="connsiteX2851" fmla="*/ 571292 w 6858000"/>
              <a:gd name="connsiteY2851" fmla="*/ 3223932 h 6858000"/>
              <a:gd name="connsiteX2852" fmla="*/ 397612 w 6858000"/>
              <a:gd name="connsiteY2852" fmla="*/ 3223302 h 6858000"/>
              <a:gd name="connsiteX2853" fmla="*/ 397612 w 6858000"/>
              <a:gd name="connsiteY2853" fmla="*/ 3274554 h 6858000"/>
              <a:gd name="connsiteX2854" fmla="*/ 448864 w 6858000"/>
              <a:gd name="connsiteY2854" fmla="*/ 3274554 h 6858000"/>
              <a:gd name="connsiteX2855" fmla="*/ 448864 w 6858000"/>
              <a:gd name="connsiteY2855" fmla="*/ 3223302 h 6858000"/>
              <a:gd name="connsiteX2856" fmla="*/ 28218 w 6858000"/>
              <a:gd name="connsiteY2856" fmla="*/ 3223043 h 6858000"/>
              <a:gd name="connsiteX2857" fmla="*/ 28218 w 6858000"/>
              <a:gd name="connsiteY2857" fmla="*/ 3274740 h 6858000"/>
              <a:gd name="connsiteX2858" fmla="*/ 79915 w 6858000"/>
              <a:gd name="connsiteY2858" fmla="*/ 3274740 h 6858000"/>
              <a:gd name="connsiteX2859" fmla="*/ 79915 w 6858000"/>
              <a:gd name="connsiteY2859" fmla="*/ 3223043 h 6858000"/>
              <a:gd name="connsiteX2860" fmla="*/ 274147 w 6858000"/>
              <a:gd name="connsiteY2860" fmla="*/ 3222858 h 6858000"/>
              <a:gd name="connsiteX2861" fmla="*/ 274147 w 6858000"/>
              <a:gd name="connsiteY2861" fmla="*/ 3274962 h 6858000"/>
              <a:gd name="connsiteX2862" fmla="*/ 326251 w 6858000"/>
              <a:gd name="connsiteY2862" fmla="*/ 3274962 h 6858000"/>
              <a:gd name="connsiteX2863" fmla="*/ 326251 w 6858000"/>
              <a:gd name="connsiteY2863" fmla="*/ 3222858 h 6858000"/>
              <a:gd name="connsiteX2864" fmla="*/ 150646 w 6858000"/>
              <a:gd name="connsiteY2864" fmla="*/ 3222413 h 6858000"/>
              <a:gd name="connsiteX2865" fmla="*/ 150646 w 6858000"/>
              <a:gd name="connsiteY2865" fmla="*/ 3275406 h 6858000"/>
              <a:gd name="connsiteX2866" fmla="*/ 203639 w 6858000"/>
              <a:gd name="connsiteY2866" fmla="*/ 3275406 h 6858000"/>
              <a:gd name="connsiteX2867" fmla="*/ 203639 w 6858000"/>
              <a:gd name="connsiteY2867" fmla="*/ 3222413 h 6858000"/>
              <a:gd name="connsiteX2868" fmla="*/ 4484019 w 6858000"/>
              <a:gd name="connsiteY2868" fmla="*/ 3125612 h 6858000"/>
              <a:gd name="connsiteX2869" fmla="*/ 4484019 w 6858000"/>
              <a:gd name="connsiteY2869" fmla="*/ 3126056 h 6858000"/>
              <a:gd name="connsiteX2870" fmla="*/ 4484463 w 6858000"/>
              <a:gd name="connsiteY2870" fmla="*/ 3126056 h 6858000"/>
              <a:gd name="connsiteX2871" fmla="*/ 4484463 w 6858000"/>
              <a:gd name="connsiteY2871" fmla="*/ 3125612 h 6858000"/>
              <a:gd name="connsiteX2872" fmla="*/ 4360961 w 6858000"/>
              <a:gd name="connsiteY2872" fmla="*/ 3125612 h 6858000"/>
              <a:gd name="connsiteX2873" fmla="*/ 4360961 w 6858000"/>
              <a:gd name="connsiteY2873" fmla="*/ 3126056 h 6858000"/>
              <a:gd name="connsiteX2874" fmla="*/ 4361405 w 6858000"/>
              <a:gd name="connsiteY2874" fmla="*/ 3126056 h 6858000"/>
              <a:gd name="connsiteX2875" fmla="*/ 4361405 w 6858000"/>
              <a:gd name="connsiteY2875" fmla="*/ 3125612 h 6858000"/>
              <a:gd name="connsiteX2876" fmla="*/ 4237904 w 6858000"/>
              <a:gd name="connsiteY2876" fmla="*/ 3125612 h 6858000"/>
              <a:gd name="connsiteX2877" fmla="*/ 4237904 w 6858000"/>
              <a:gd name="connsiteY2877" fmla="*/ 3126056 h 6858000"/>
              <a:gd name="connsiteX2878" fmla="*/ 4238348 w 6858000"/>
              <a:gd name="connsiteY2878" fmla="*/ 3126056 h 6858000"/>
              <a:gd name="connsiteX2879" fmla="*/ 4238348 w 6858000"/>
              <a:gd name="connsiteY2879" fmla="*/ 3125612 h 6858000"/>
              <a:gd name="connsiteX2880" fmla="*/ 4114847 w 6858000"/>
              <a:gd name="connsiteY2880" fmla="*/ 3125612 h 6858000"/>
              <a:gd name="connsiteX2881" fmla="*/ 4114847 w 6858000"/>
              <a:gd name="connsiteY2881" fmla="*/ 3126056 h 6858000"/>
              <a:gd name="connsiteX2882" fmla="*/ 4115291 w 6858000"/>
              <a:gd name="connsiteY2882" fmla="*/ 3126056 h 6858000"/>
              <a:gd name="connsiteX2883" fmla="*/ 4115291 w 6858000"/>
              <a:gd name="connsiteY2883" fmla="*/ 3125612 h 6858000"/>
              <a:gd name="connsiteX2884" fmla="*/ 3991789 w 6858000"/>
              <a:gd name="connsiteY2884" fmla="*/ 3125612 h 6858000"/>
              <a:gd name="connsiteX2885" fmla="*/ 3991789 w 6858000"/>
              <a:gd name="connsiteY2885" fmla="*/ 3126056 h 6858000"/>
              <a:gd name="connsiteX2886" fmla="*/ 3992234 w 6858000"/>
              <a:gd name="connsiteY2886" fmla="*/ 3126056 h 6858000"/>
              <a:gd name="connsiteX2887" fmla="*/ 3992234 w 6858000"/>
              <a:gd name="connsiteY2887" fmla="*/ 3125612 h 6858000"/>
              <a:gd name="connsiteX2888" fmla="*/ 3868732 w 6858000"/>
              <a:gd name="connsiteY2888" fmla="*/ 3125612 h 6858000"/>
              <a:gd name="connsiteX2889" fmla="*/ 3868732 w 6858000"/>
              <a:gd name="connsiteY2889" fmla="*/ 3126056 h 6858000"/>
              <a:gd name="connsiteX2890" fmla="*/ 3869176 w 6858000"/>
              <a:gd name="connsiteY2890" fmla="*/ 3126056 h 6858000"/>
              <a:gd name="connsiteX2891" fmla="*/ 3869176 w 6858000"/>
              <a:gd name="connsiteY2891" fmla="*/ 3125612 h 6858000"/>
              <a:gd name="connsiteX2892" fmla="*/ 3745675 w 6858000"/>
              <a:gd name="connsiteY2892" fmla="*/ 3125612 h 6858000"/>
              <a:gd name="connsiteX2893" fmla="*/ 3745675 w 6858000"/>
              <a:gd name="connsiteY2893" fmla="*/ 3126056 h 6858000"/>
              <a:gd name="connsiteX2894" fmla="*/ 3746119 w 6858000"/>
              <a:gd name="connsiteY2894" fmla="*/ 3126056 h 6858000"/>
              <a:gd name="connsiteX2895" fmla="*/ 3746119 w 6858000"/>
              <a:gd name="connsiteY2895" fmla="*/ 3125612 h 6858000"/>
              <a:gd name="connsiteX2896" fmla="*/ 3622395 w 6858000"/>
              <a:gd name="connsiteY2896" fmla="*/ 3125426 h 6858000"/>
              <a:gd name="connsiteX2897" fmla="*/ 3622395 w 6858000"/>
              <a:gd name="connsiteY2897" fmla="*/ 3126278 h 6858000"/>
              <a:gd name="connsiteX2898" fmla="*/ 3623247 w 6858000"/>
              <a:gd name="connsiteY2898" fmla="*/ 3126278 h 6858000"/>
              <a:gd name="connsiteX2899" fmla="*/ 3623247 w 6858000"/>
              <a:gd name="connsiteY2899" fmla="*/ 3125426 h 6858000"/>
              <a:gd name="connsiteX2900" fmla="*/ 3499116 w 6858000"/>
              <a:gd name="connsiteY2900" fmla="*/ 3125204 h 6858000"/>
              <a:gd name="connsiteX2901" fmla="*/ 3499116 w 6858000"/>
              <a:gd name="connsiteY2901" fmla="*/ 3126500 h 6858000"/>
              <a:gd name="connsiteX2902" fmla="*/ 3500412 w 6858000"/>
              <a:gd name="connsiteY2902" fmla="*/ 3126500 h 6858000"/>
              <a:gd name="connsiteX2903" fmla="*/ 3500412 w 6858000"/>
              <a:gd name="connsiteY2903" fmla="*/ 3125204 h 6858000"/>
              <a:gd name="connsiteX2904" fmla="*/ 3375836 w 6858000"/>
              <a:gd name="connsiteY2904" fmla="*/ 3124983 h 6858000"/>
              <a:gd name="connsiteX2905" fmla="*/ 3375836 w 6858000"/>
              <a:gd name="connsiteY2905" fmla="*/ 3126723 h 6858000"/>
              <a:gd name="connsiteX2906" fmla="*/ 3377576 w 6858000"/>
              <a:gd name="connsiteY2906" fmla="*/ 3126723 h 6858000"/>
              <a:gd name="connsiteX2907" fmla="*/ 3377576 w 6858000"/>
              <a:gd name="connsiteY2907" fmla="*/ 3124983 h 6858000"/>
              <a:gd name="connsiteX2908" fmla="*/ 3252557 w 6858000"/>
              <a:gd name="connsiteY2908" fmla="*/ 3124760 h 6858000"/>
              <a:gd name="connsiteX2909" fmla="*/ 3252557 w 6858000"/>
              <a:gd name="connsiteY2909" fmla="*/ 3126945 h 6858000"/>
              <a:gd name="connsiteX2910" fmla="*/ 3254742 w 6858000"/>
              <a:gd name="connsiteY2910" fmla="*/ 3126945 h 6858000"/>
              <a:gd name="connsiteX2911" fmla="*/ 3254742 w 6858000"/>
              <a:gd name="connsiteY2911" fmla="*/ 3124760 h 6858000"/>
              <a:gd name="connsiteX2912" fmla="*/ 3128833 w 6858000"/>
              <a:gd name="connsiteY2912" fmla="*/ 3124093 h 6858000"/>
              <a:gd name="connsiteX2913" fmla="*/ 3128833 w 6858000"/>
              <a:gd name="connsiteY2913" fmla="*/ 3127574 h 6858000"/>
              <a:gd name="connsiteX2914" fmla="*/ 3132314 w 6858000"/>
              <a:gd name="connsiteY2914" fmla="*/ 3127574 h 6858000"/>
              <a:gd name="connsiteX2915" fmla="*/ 3132314 w 6858000"/>
              <a:gd name="connsiteY2915" fmla="*/ 3124093 h 6858000"/>
              <a:gd name="connsiteX2916" fmla="*/ 3005331 w 6858000"/>
              <a:gd name="connsiteY2916" fmla="*/ 3123686 h 6858000"/>
              <a:gd name="connsiteX2917" fmla="*/ 3005331 w 6858000"/>
              <a:gd name="connsiteY2917" fmla="*/ 3128019 h 6858000"/>
              <a:gd name="connsiteX2918" fmla="*/ 3009664 w 6858000"/>
              <a:gd name="connsiteY2918" fmla="*/ 3128019 h 6858000"/>
              <a:gd name="connsiteX2919" fmla="*/ 3009664 w 6858000"/>
              <a:gd name="connsiteY2919" fmla="*/ 3123686 h 6858000"/>
              <a:gd name="connsiteX2920" fmla="*/ 2881644 w 6858000"/>
              <a:gd name="connsiteY2920" fmla="*/ 3123056 h 6858000"/>
              <a:gd name="connsiteX2921" fmla="*/ 2881644 w 6858000"/>
              <a:gd name="connsiteY2921" fmla="*/ 3128685 h 6858000"/>
              <a:gd name="connsiteX2922" fmla="*/ 2887273 w 6858000"/>
              <a:gd name="connsiteY2922" fmla="*/ 3128685 h 6858000"/>
              <a:gd name="connsiteX2923" fmla="*/ 2887273 w 6858000"/>
              <a:gd name="connsiteY2923" fmla="*/ 3123056 h 6858000"/>
              <a:gd name="connsiteX2924" fmla="*/ 2757698 w 6858000"/>
              <a:gd name="connsiteY2924" fmla="*/ 3122168 h 6858000"/>
              <a:gd name="connsiteX2925" fmla="*/ 2757698 w 6858000"/>
              <a:gd name="connsiteY2925" fmla="*/ 3129537 h 6858000"/>
              <a:gd name="connsiteX2926" fmla="*/ 2765067 w 6858000"/>
              <a:gd name="connsiteY2926" fmla="*/ 3129537 h 6858000"/>
              <a:gd name="connsiteX2927" fmla="*/ 2765067 w 6858000"/>
              <a:gd name="connsiteY2927" fmla="*/ 3122168 h 6858000"/>
              <a:gd name="connsiteX2928" fmla="*/ 2633789 w 6858000"/>
              <a:gd name="connsiteY2928" fmla="*/ 3121316 h 6858000"/>
              <a:gd name="connsiteX2929" fmla="*/ 2633789 w 6858000"/>
              <a:gd name="connsiteY2929" fmla="*/ 3130426 h 6858000"/>
              <a:gd name="connsiteX2930" fmla="*/ 2642899 w 6858000"/>
              <a:gd name="connsiteY2930" fmla="*/ 3130426 h 6858000"/>
              <a:gd name="connsiteX2931" fmla="*/ 2642899 w 6858000"/>
              <a:gd name="connsiteY2931" fmla="*/ 3121316 h 6858000"/>
              <a:gd name="connsiteX2932" fmla="*/ 2509843 w 6858000"/>
              <a:gd name="connsiteY2932" fmla="*/ 3120428 h 6858000"/>
              <a:gd name="connsiteX2933" fmla="*/ 2509843 w 6858000"/>
              <a:gd name="connsiteY2933" fmla="*/ 3131278 h 6858000"/>
              <a:gd name="connsiteX2934" fmla="*/ 2520693 w 6858000"/>
              <a:gd name="connsiteY2934" fmla="*/ 3131278 h 6858000"/>
              <a:gd name="connsiteX2935" fmla="*/ 2520693 w 6858000"/>
              <a:gd name="connsiteY2935" fmla="*/ 3120428 h 6858000"/>
              <a:gd name="connsiteX2936" fmla="*/ 2385712 w 6858000"/>
              <a:gd name="connsiteY2936" fmla="*/ 3119317 h 6858000"/>
              <a:gd name="connsiteX2937" fmla="*/ 2385712 w 6858000"/>
              <a:gd name="connsiteY2937" fmla="*/ 3132352 h 6858000"/>
              <a:gd name="connsiteX2938" fmla="*/ 2398747 w 6858000"/>
              <a:gd name="connsiteY2938" fmla="*/ 3132352 h 6858000"/>
              <a:gd name="connsiteX2939" fmla="*/ 2398747 w 6858000"/>
              <a:gd name="connsiteY2939" fmla="*/ 3119317 h 6858000"/>
              <a:gd name="connsiteX2940" fmla="*/ 2261136 w 6858000"/>
              <a:gd name="connsiteY2940" fmla="*/ 3117798 h 6858000"/>
              <a:gd name="connsiteX2941" fmla="*/ 2261136 w 6858000"/>
              <a:gd name="connsiteY2941" fmla="*/ 3133870 h 6858000"/>
              <a:gd name="connsiteX2942" fmla="*/ 2277208 w 6858000"/>
              <a:gd name="connsiteY2942" fmla="*/ 3133870 h 6858000"/>
              <a:gd name="connsiteX2943" fmla="*/ 2277208 w 6858000"/>
              <a:gd name="connsiteY2943" fmla="*/ 3117798 h 6858000"/>
              <a:gd name="connsiteX2944" fmla="*/ 2136746 w 6858000"/>
              <a:gd name="connsiteY2944" fmla="*/ 3116539 h 6858000"/>
              <a:gd name="connsiteX2945" fmla="*/ 2136746 w 6858000"/>
              <a:gd name="connsiteY2945" fmla="*/ 3135203 h 6858000"/>
              <a:gd name="connsiteX2946" fmla="*/ 2155410 w 6858000"/>
              <a:gd name="connsiteY2946" fmla="*/ 3135203 h 6858000"/>
              <a:gd name="connsiteX2947" fmla="*/ 2155410 w 6858000"/>
              <a:gd name="connsiteY2947" fmla="*/ 3116539 h 6858000"/>
              <a:gd name="connsiteX2948" fmla="*/ 2012170 w 6858000"/>
              <a:gd name="connsiteY2948" fmla="*/ 3115020 h 6858000"/>
              <a:gd name="connsiteX2949" fmla="*/ 2012170 w 6858000"/>
              <a:gd name="connsiteY2949" fmla="*/ 3136721 h 6858000"/>
              <a:gd name="connsiteX2950" fmla="*/ 2033871 w 6858000"/>
              <a:gd name="connsiteY2950" fmla="*/ 3136721 h 6858000"/>
              <a:gd name="connsiteX2951" fmla="*/ 2033871 w 6858000"/>
              <a:gd name="connsiteY2951" fmla="*/ 3115020 h 6858000"/>
              <a:gd name="connsiteX2952" fmla="*/ 1887594 w 6858000"/>
              <a:gd name="connsiteY2952" fmla="*/ 3113466 h 6858000"/>
              <a:gd name="connsiteX2953" fmla="*/ 1887594 w 6858000"/>
              <a:gd name="connsiteY2953" fmla="*/ 3138240 h 6858000"/>
              <a:gd name="connsiteX2954" fmla="*/ 1912368 w 6858000"/>
              <a:gd name="connsiteY2954" fmla="*/ 3138240 h 6858000"/>
              <a:gd name="connsiteX2955" fmla="*/ 1912368 w 6858000"/>
              <a:gd name="connsiteY2955" fmla="*/ 3113466 h 6858000"/>
              <a:gd name="connsiteX2956" fmla="*/ 1763019 w 6858000"/>
              <a:gd name="connsiteY2956" fmla="*/ 3111947 h 6858000"/>
              <a:gd name="connsiteX2957" fmla="*/ 1763019 w 6858000"/>
              <a:gd name="connsiteY2957" fmla="*/ 3139758 h 6858000"/>
              <a:gd name="connsiteX2958" fmla="*/ 1790830 w 6858000"/>
              <a:gd name="connsiteY2958" fmla="*/ 3139758 h 6858000"/>
              <a:gd name="connsiteX2959" fmla="*/ 1790830 w 6858000"/>
              <a:gd name="connsiteY2959" fmla="*/ 3111947 h 6858000"/>
              <a:gd name="connsiteX2960" fmla="*/ 1638443 w 6858000"/>
              <a:gd name="connsiteY2960" fmla="*/ 3110428 h 6858000"/>
              <a:gd name="connsiteX2961" fmla="*/ 1638443 w 6858000"/>
              <a:gd name="connsiteY2961" fmla="*/ 3141276 h 6858000"/>
              <a:gd name="connsiteX2962" fmla="*/ 1669291 w 6858000"/>
              <a:gd name="connsiteY2962" fmla="*/ 3141276 h 6858000"/>
              <a:gd name="connsiteX2963" fmla="*/ 1669291 w 6858000"/>
              <a:gd name="connsiteY2963" fmla="*/ 3110428 h 6858000"/>
              <a:gd name="connsiteX2964" fmla="*/ 1513645 w 6858000"/>
              <a:gd name="connsiteY2964" fmla="*/ 3108688 h 6858000"/>
              <a:gd name="connsiteX2965" fmla="*/ 1513645 w 6858000"/>
              <a:gd name="connsiteY2965" fmla="*/ 3143017 h 6858000"/>
              <a:gd name="connsiteX2966" fmla="*/ 1547974 w 6858000"/>
              <a:gd name="connsiteY2966" fmla="*/ 3143017 h 6858000"/>
              <a:gd name="connsiteX2967" fmla="*/ 1547974 w 6858000"/>
              <a:gd name="connsiteY2967" fmla="*/ 3108688 h 6858000"/>
              <a:gd name="connsiteX2968" fmla="*/ 1389070 w 6858000"/>
              <a:gd name="connsiteY2968" fmla="*/ 3107170 h 6858000"/>
              <a:gd name="connsiteX2969" fmla="*/ 1389070 w 6858000"/>
              <a:gd name="connsiteY2969" fmla="*/ 3144535 h 6858000"/>
              <a:gd name="connsiteX2970" fmla="*/ 1426435 w 6858000"/>
              <a:gd name="connsiteY2970" fmla="*/ 3144535 h 6858000"/>
              <a:gd name="connsiteX2971" fmla="*/ 1426435 w 6858000"/>
              <a:gd name="connsiteY2971" fmla="*/ 3107170 h 6858000"/>
              <a:gd name="connsiteX2972" fmla="*/ 1264272 w 6858000"/>
              <a:gd name="connsiteY2972" fmla="*/ 3105467 h 6858000"/>
              <a:gd name="connsiteX2973" fmla="*/ 1264272 w 6858000"/>
              <a:gd name="connsiteY2973" fmla="*/ 3146276 h 6858000"/>
              <a:gd name="connsiteX2974" fmla="*/ 1305081 w 6858000"/>
              <a:gd name="connsiteY2974" fmla="*/ 3146276 h 6858000"/>
              <a:gd name="connsiteX2975" fmla="*/ 1305081 w 6858000"/>
              <a:gd name="connsiteY2975" fmla="*/ 3105467 h 6858000"/>
              <a:gd name="connsiteX2976" fmla="*/ 1139881 w 6858000"/>
              <a:gd name="connsiteY2976" fmla="*/ 3104134 h 6858000"/>
              <a:gd name="connsiteX2977" fmla="*/ 1139881 w 6858000"/>
              <a:gd name="connsiteY2977" fmla="*/ 3147572 h 6858000"/>
              <a:gd name="connsiteX2978" fmla="*/ 1183320 w 6858000"/>
              <a:gd name="connsiteY2978" fmla="*/ 3147572 h 6858000"/>
              <a:gd name="connsiteX2979" fmla="*/ 1183320 w 6858000"/>
              <a:gd name="connsiteY2979" fmla="*/ 3104134 h 6858000"/>
              <a:gd name="connsiteX2980" fmla="*/ 1015306 w 6858000"/>
              <a:gd name="connsiteY2980" fmla="*/ 3102615 h 6858000"/>
              <a:gd name="connsiteX2981" fmla="*/ 1015306 w 6858000"/>
              <a:gd name="connsiteY2981" fmla="*/ 3149090 h 6858000"/>
              <a:gd name="connsiteX2982" fmla="*/ 1061781 w 6858000"/>
              <a:gd name="connsiteY2982" fmla="*/ 3149090 h 6858000"/>
              <a:gd name="connsiteX2983" fmla="*/ 1061781 w 6858000"/>
              <a:gd name="connsiteY2983" fmla="*/ 3102615 h 6858000"/>
              <a:gd name="connsiteX2984" fmla="*/ 890952 w 6858000"/>
              <a:gd name="connsiteY2984" fmla="*/ 3101318 h 6858000"/>
              <a:gd name="connsiteX2985" fmla="*/ 890952 w 6858000"/>
              <a:gd name="connsiteY2985" fmla="*/ 3150386 h 6858000"/>
              <a:gd name="connsiteX2986" fmla="*/ 940019 w 6858000"/>
              <a:gd name="connsiteY2986" fmla="*/ 3150386 h 6858000"/>
              <a:gd name="connsiteX2987" fmla="*/ 940019 w 6858000"/>
              <a:gd name="connsiteY2987" fmla="*/ 3101318 h 6858000"/>
              <a:gd name="connsiteX2988" fmla="*/ 766821 w 6858000"/>
              <a:gd name="connsiteY2988" fmla="*/ 3100245 h 6858000"/>
              <a:gd name="connsiteX2989" fmla="*/ 766821 w 6858000"/>
              <a:gd name="connsiteY2989" fmla="*/ 3151497 h 6858000"/>
              <a:gd name="connsiteX2990" fmla="*/ 818073 w 6858000"/>
              <a:gd name="connsiteY2990" fmla="*/ 3151497 h 6858000"/>
              <a:gd name="connsiteX2991" fmla="*/ 818073 w 6858000"/>
              <a:gd name="connsiteY2991" fmla="*/ 3100245 h 6858000"/>
              <a:gd name="connsiteX2992" fmla="*/ 642875 w 6858000"/>
              <a:gd name="connsiteY2992" fmla="*/ 3099356 h 6858000"/>
              <a:gd name="connsiteX2993" fmla="*/ 642875 w 6858000"/>
              <a:gd name="connsiteY2993" fmla="*/ 3152349 h 6858000"/>
              <a:gd name="connsiteX2994" fmla="*/ 695868 w 6858000"/>
              <a:gd name="connsiteY2994" fmla="*/ 3152349 h 6858000"/>
              <a:gd name="connsiteX2995" fmla="*/ 695868 w 6858000"/>
              <a:gd name="connsiteY2995" fmla="*/ 3099356 h 6858000"/>
              <a:gd name="connsiteX2996" fmla="*/ 518966 w 6858000"/>
              <a:gd name="connsiteY2996" fmla="*/ 3098468 h 6858000"/>
              <a:gd name="connsiteX2997" fmla="*/ 518966 w 6858000"/>
              <a:gd name="connsiteY2997" fmla="*/ 3153201 h 6858000"/>
              <a:gd name="connsiteX2998" fmla="*/ 573699 w 6858000"/>
              <a:gd name="connsiteY2998" fmla="*/ 3153201 h 6858000"/>
              <a:gd name="connsiteX2999" fmla="*/ 573699 w 6858000"/>
              <a:gd name="connsiteY2999" fmla="*/ 3098468 h 6858000"/>
              <a:gd name="connsiteX3000" fmla="*/ 395242 w 6858000"/>
              <a:gd name="connsiteY3000" fmla="*/ 3097837 h 6858000"/>
              <a:gd name="connsiteX3001" fmla="*/ 395242 w 6858000"/>
              <a:gd name="connsiteY3001" fmla="*/ 3153867 h 6858000"/>
              <a:gd name="connsiteX3002" fmla="*/ 451271 w 6858000"/>
              <a:gd name="connsiteY3002" fmla="*/ 3153867 h 6858000"/>
              <a:gd name="connsiteX3003" fmla="*/ 451271 w 6858000"/>
              <a:gd name="connsiteY3003" fmla="*/ 3097837 h 6858000"/>
              <a:gd name="connsiteX3004" fmla="*/ 25626 w 6858000"/>
              <a:gd name="connsiteY3004" fmla="*/ 3097431 h 6858000"/>
              <a:gd name="connsiteX3005" fmla="*/ 25626 w 6858000"/>
              <a:gd name="connsiteY3005" fmla="*/ 3154312 h 6858000"/>
              <a:gd name="connsiteX3006" fmla="*/ 82507 w 6858000"/>
              <a:gd name="connsiteY3006" fmla="*/ 3154312 h 6858000"/>
              <a:gd name="connsiteX3007" fmla="*/ 82507 w 6858000"/>
              <a:gd name="connsiteY3007" fmla="*/ 3097431 h 6858000"/>
              <a:gd name="connsiteX3008" fmla="*/ 271518 w 6858000"/>
              <a:gd name="connsiteY3008" fmla="*/ 3097209 h 6858000"/>
              <a:gd name="connsiteX3009" fmla="*/ 271518 w 6858000"/>
              <a:gd name="connsiteY3009" fmla="*/ 3154534 h 6858000"/>
              <a:gd name="connsiteX3010" fmla="*/ 328844 w 6858000"/>
              <a:gd name="connsiteY3010" fmla="*/ 3154534 h 6858000"/>
              <a:gd name="connsiteX3011" fmla="*/ 328844 w 6858000"/>
              <a:gd name="connsiteY3011" fmla="*/ 3097209 h 6858000"/>
              <a:gd name="connsiteX3012" fmla="*/ 148016 w 6858000"/>
              <a:gd name="connsiteY3012" fmla="*/ 3096727 h 6858000"/>
              <a:gd name="connsiteX3013" fmla="*/ 148016 w 6858000"/>
              <a:gd name="connsiteY3013" fmla="*/ 3154941 h 6858000"/>
              <a:gd name="connsiteX3014" fmla="*/ 206230 w 6858000"/>
              <a:gd name="connsiteY3014" fmla="*/ 3154941 h 6858000"/>
              <a:gd name="connsiteX3015" fmla="*/ 206230 w 6858000"/>
              <a:gd name="connsiteY3015" fmla="*/ 3096727 h 6858000"/>
              <a:gd name="connsiteX3016" fmla="*/ 4360961 w 6858000"/>
              <a:gd name="connsiteY3016" fmla="*/ 3002555 h 6858000"/>
              <a:gd name="connsiteX3017" fmla="*/ 4360961 w 6858000"/>
              <a:gd name="connsiteY3017" fmla="*/ 3002999 h 6858000"/>
              <a:gd name="connsiteX3018" fmla="*/ 4361405 w 6858000"/>
              <a:gd name="connsiteY3018" fmla="*/ 3002999 h 6858000"/>
              <a:gd name="connsiteX3019" fmla="*/ 4361405 w 6858000"/>
              <a:gd name="connsiteY3019" fmla="*/ 3002555 h 6858000"/>
              <a:gd name="connsiteX3020" fmla="*/ 4237904 w 6858000"/>
              <a:gd name="connsiteY3020" fmla="*/ 3002555 h 6858000"/>
              <a:gd name="connsiteX3021" fmla="*/ 4237904 w 6858000"/>
              <a:gd name="connsiteY3021" fmla="*/ 3002999 h 6858000"/>
              <a:gd name="connsiteX3022" fmla="*/ 4238348 w 6858000"/>
              <a:gd name="connsiteY3022" fmla="*/ 3002999 h 6858000"/>
              <a:gd name="connsiteX3023" fmla="*/ 4238348 w 6858000"/>
              <a:gd name="connsiteY3023" fmla="*/ 3002555 h 6858000"/>
              <a:gd name="connsiteX3024" fmla="*/ 4114847 w 6858000"/>
              <a:gd name="connsiteY3024" fmla="*/ 3002555 h 6858000"/>
              <a:gd name="connsiteX3025" fmla="*/ 4114847 w 6858000"/>
              <a:gd name="connsiteY3025" fmla="*/ 3002999 h 6858000"/>
              <a:gd name="connsiteX3026" fmla="*/ 4115291 w 6858000"/>
              <a:gd name="connsiteY3026" fmla="*/ 3002999 h 6858000"/>
              <a:gd name="connsiteX3027" fmla="*/ 4115291 w 6858000"/>
              <a:gd name="connsiteY3027" fmla="*/ 3002555 h 6858000"/>
              <a:gd name="connsiteX3028" fmla="*/ 3991789 w 6858000"/>
              <a:gd name="connsiteY3028" fmla="*/ 3002555 h 6858000"/>
              <a:gd name="connsiteX3029" fmla="*/ 3991789 w 6858000"/>
              <a:gd name="connsiteY3029" fmla="*/ 3002999 h 6858000"/>
              <a:gd name="connsiteX3030" fmla="*/ 3992234 w 6858000"/>
              <a:gd name="connsiteY3030" fmla="*/ 3002999 h 6858000"/>
              <a:gd name="connsiteX3031" fmla="*/ 3992234 w 6858000"/>
              <a:gd name="connsiteY3031" fmla="*/ 3002555 h 6858000"/>
              <a:gd name="connsiteX3032" fmla="*/ 3868732 w 6858000"/>
              <a:gd name="connsiteY3032" fmla="*/ 3002555 h 6858000"/>
              <a:gd name="connsiteX3033" fmla="*/ 3868732 w 6858000"/>
              <a:gd name="connsiteY3033" fmla="*/ 3002999 h 6858000"/>
              <a:gd name="connsiteX3034" fmla="*/ 3869176 w 6858000"/>
              <a:gd name="connsiteY3034" fmla="*/ 3002999 h 6858000"/>
              <a:gd name="connsiteX3035" fmla="*/ 3869176 w 6858000"/>
              <a:gd name="connsiteY3035" fmla="*/ 3002555 h 6858000"/>
              <a:gd name="connsiteX3036" fmla="*/ 3745675 w 6858000"/>
              <a:gd name="connsiteY3036" fmla="*/ 3002555 h 6858000"/>
              <a:gd name="connsiteX3037" fmla="*/ 3745675 w 6858000"/>
              <a:gd name="connsiteY3037" fmla="*/ 3002999 h 6858000"/>
              <a:gd name="connsiteX3038" fmla="*/ 3746119 w 6858000"/>
              <a:gd name="connsiteY3038" fmla="*/ 3002999 h 6858000"/>
              <a:gd name="connsiteX3039" fmla="*/ 3746119 w 6858000"/>
              <a:gd name="connsiteY3039" fmla="*/ 3002555 h 6858000"/>
              <a:gd name="connsiteX3040" fmla="*/ 3622395 w 6858000"/>
              <a:gd name="connsiteY3040" fmla="*/ 3002369 h 6858000"/>
              <a:gd name="connsiteX3041" fmla="*/ 3622395 w 6858000"/>
              <a:gd name="connsiteY3041" fmla="*/ 3003221 h 6858000"/>
              <a:gd name="connsiteX3042" fmla="*/ 3623247 w 6858000"/>
              <a:gd name="connsiteY3042" fmla="*/ 3003221 h 6858000"/>
              <a:gd name="connsiteX3043" fmla="*/ 3623247 w 6858000"/>
              <a:gd name="connsiteY3043" fmla="*/ 3002369 h 6858000"/>
              <a:gd name="connsiteX3044" fmla="*/ 3499116 w 6858000"/>
              <a:gd name="connsiteY3044" fmla="*/ 3002147 h 6858000"/>
              <a:gd name="connsiteX3045" fmla="*/ 3499116 w 6858000"/>
              <a:gd name="connsiteY3045" fmla="*/ 3003443 h 6858000"/>
              <a:gd name="connsiteX3046" fmla="*/ 3500412 w 6858000"/>
              <a:gd name="connsiteY3046" fmla="*/ 3003443 h 6858000"/>
              <a:gd name="connsiteX3047" fmla="*/ 3500412 w 6858000"/>
              <a:gd name="connsiteY3047" fmla="*/ 3002147 h 6858000"/>
              <a:gd name="connsiteX3048" fmla="*/ 3375836 w 6858000"/>
              <a:gd name="connsiteY3048" fmla="*/ 3001925 h 6858000"/>
              <a:gd name="connsiteX3049" fmla="*/ 3375836 w 6858000"/>
              <a:gd name="connsiteY3049" fmla="*/ 3003665 h 6858000"/>
              <a:gd name="connsiteX3050" fmla="*/ 3377576 w 6858000"/>
              <a:gd name="connsiteY3050" fmla="*/ 3003665 h 6858000"/>
              <a:gd name="connsiteX3051" fmla="*/ 3377576 w 6858000"/>
              <a:gd name="connsiteY3051" fmla="*/ 3001925 h 6858000"/>
              <a:gd name="connsiteX3052" fmla="*/ 3252557 w 6858000"/>
              <a:gd name="connsiteY3052" fmla="*/ 3001703 h 6858000"/>
              <a:gd name="connsiteX3053" fmla="*/ 3252557 w 6858000"/>
              <a:gd name="connsiteY3053" fmla="*/ 3003888 h 6858000"/>
              <a:gd name="connsiteX3054" fmla="*/ 3254742 w 6858000"/>
              <a:gd name="connsiteY3054" fmla="*/ 3003888 h 6858000"/>
              <a:gd name="connsiteX3055" fmla="*/ 3254742 w 6858000"/>
              <a:gd name="connsiteY3055" fmla="*/ 3001703 h 6858000"/>
              <a:gd name="connsiteX3056" fmla="*/ 3129055 w 6858000"/>
              <a:gd name="connsiteY3056" fmla="*/ 3001258 h 6858000"/>
              <a:gd name="connsiteX3057" fmla="*/ 3129055 w 6858000"/>
              <a:gd name="connsiteY3057" fmla="*/ 3004295 h 6858000"/>
              <a:gd name="connsiteX3058" fmla="*/ 3132092 w 6858000"/>
              <a:gd name="connsiteY3058" fmla="*/ 3004295 h 6858000"/>
              <a:gd name="connsiteX3059" fmla="*/ 3132092 w 6858000"/>
              <a:gd name="connsiteY3059" fmla="*/ 3001258 h 6858000"/>
              <a:gd name="connsiteX3060" fmla="*/ 3005331 w 6858000"/>
              <a:gd name="connsiteY3060" fmla="*/ 3000628 h 6858000"/>
              <a:gd name="connsiteX3061" fmla="*/ 3005331 w 6858000"/>
              <a:gd name="connsiteY3061" fmla="*/ 3004961 h 6858000"/>
              <a:gd name="connsiteX3062" fmla="*/ 3009664 w 6858000"/>
              <a:gd name="connsiteY3062" fmla="*/ 3004961 h 6858000"/>
              <a:gd name="connsiteX3063" fmla="*/ 3009664 w 6858000"/>
              <a:gd name="connsiteY3063" fmla="*/ 3000628 h 6858000"/>
              <a:gd name="connsiteX3064" fmla="*/ 2881644 w 6858000"/>
              <a:gd name="connsiteY3064" fmla="*/ 2999999 h 6858000"/>
              <a:gd name="connsiteX3065" fmla="*/ 2881644 w 6858000"/>
              <a:gd name="connsiteY3065" fmla="*/ 3005628 h 6858000"/>
              <a:gd name="connsiteX3066" fmla="*/ 2887273 w 6858000"/>
              <a:gd name="connsiteY3066" fmla="*/ 3005628 h 6858000"/>
              <a:gd name="connsiteX3067" fmla="*/ 2887273 w 6858000"/>
              <a:gd name="connsiteY3067" fmla="*/ 2999999 h 6858000"/>
              <a:gd name="connsiteX3068" fmla="*/ 2757698 w 6858000"/>
              <a:gd name="connsiteY3068" fmla="*/ 2999111 h 6858000"/>
              <a:gd name="connsiteX3069" fmla="*/ 2757698 w 6858000"/>
              <a:gd name="connsiteY3069" fmla="*/ 3006480 h 6858000"/>
              <a:gd name="connsiteX3070" fmla="*/ 2765067 w 6858000"/>
              <a:gd name="connsiteY3070" fmla="*/ 3006480 h 6858000"/>
              <a:gd name="connsiteX3071" fmla="*/ 2765067 w 6858000"/>
              <a:gd name="connsiteY3071" fmla="*/ 2999111 h 6858000"/>
              <a:gd name="connsiteX3072" fmla="*/ 2633789 w 6858000"/>
              <a:gd name="connsiteY3072" fmla="*/ 2998259 h 6858000"/>
              <a:gd name="connsiteX3073" fmla="*/ 2633789 w 6858000"/>
              <a:gd name="connsiteY3073" fmla="*/ 3007369 h 6858000"/>
              <a:gd name="connsiteX3074" fmla="*/ 2642899 w 6858000"/>
              <a:gd name="connsiteY3074" fmla="*/ 3007369 h 6858000"/>
              <a:gd name="connsiteX3075" fmla="*/ 2642899 w 6858000"/>
              <a:gd name="connsiteY3075" fmla="*/ 2998259 h 6858000"/>
              <a:gd name="connsiteX3076" fmla="*/ 2509621 w 6858000"/>
              <a:gd name="connsiteY3076" fmla="*/ 2997147 h 6858000"/>
              <a:gd name="connsiteX3077" fmla="*/ 2509621 w 6858000"/>
              <a:gd name="connsiteY3077" fmla="*/ 3008442 h 6858000"/>
              <a:gd name="connsiteX3078" fmla="*/ 2520916 w 6858000"/>
              <a:gd name="connsiteY3078" fmla="*/ 3008442 h 6858000"/>
              <a:gd name="connsiteX3079" fmla="*/ 2520916 w 6858000"/>
              <a:gd name="connsiteY3079" fmla="*/ 2997147 h 6858000"/>
              <a:gd name="connsiteX3080" fmla="*/ 2385267 w 6858000"/>
              <a:gd name="connsiteY3080" fmla="*/ 2995852 h 6858000"/>
              <a:gd name="connsiteX3081" fmla="*/ 2385267 w 6858000"/>
              <a:gd name="connsiteY3081" fmla="*/ 3009739 h 6858000"/>
              <a:gd name="connsiteX3082" fmla="*/ 2399154 w 6858000"/>
              <a:gd name="connsiteY3082" fmla="*/ 3009739 h 6858000"/>
              <a:gd name="connsiteX3083" fmla="*/ 2399154 w 6858000"/>
              <a:gd name="connsiteY3083" fmla="*/ 2995852 h 6858000"/>
              <a:gd name="connsiteX3084" fmla="*/ 2260914 w 6858000"/>
              <a:gd name="connsiteY3084" fmla="*/ 2994519 h 6858000"/>
              <a:gd name="connsiteX3085" fmla="*/ 2260914 w 6858000"/>
              <a:gd name="connsiteY3085" fmla="*/ 3011035 h 6858000"/>
              <a:gd name="connsiteX3086" fmla="*/ 2277430 w 6858000"/>
              <a:gd name="connsiteY3086" fmla="*/ 3011035 h 6858000"/>
              <a:gd name="connsiteX3087" fmla="*/ 2277430 w 6858000"/>
              <a:gd name="connsiteY3087" fmla="*/ 2994519 h 6858000"/>
              <a:gd name="connsiteX3088" fmla="*/ 2136338 w 6858000"/>
              <a:gd name="connsiteY3088" fmla="*/ 2993000 h 6858000"/>
              <a:gd name="connsiteX3089" fmla="*/ 2136338 w 6858000"/>
              <a:gd name="connsiteY3089" fmla="*/ 3012553 h 6858000"/>
              <a:gd name="connsiteX3090" fmla="*/ 2155891 w 6858000"/>
              <a:gd name="connsiteY3090" fmla="*/ 3012553 h 6858000"/>
              <a:gd name="connsiteX3091" fmla="*/ 2155891 w 6858000"/>
              <a:gd name="connsiteY3091" fmla="*/ 2993000 h 6858000"/>
              <a:gd name="connsiteX3092" fmla="*/ 2011540 w 6858000"/>
              <a:gd name="connsiteY3092" fmla="*/ 2991260 h 6858000"/>
              <a:gd name="connsiteX3093" fmla="*/ 2011540 w 6858000"/>
              <a:gd name="connsiteY3093" fmla="*/ 3014294 h 6858000"/>
              <a:gd name="connsiteX3094" fmla="*/ 2034574 w 6858000"/>
              <a:gd name="connsiteY3094" fmla="*/ 3014294 h 6858000"/>
              <a:gd name="connsiteX3095" fmla="*/ 2034574 w 6858000"/>
              <a:gd name="connsiteY3095" fmla="*/ 2991260 h 6858000"/>
              <a:gd name="connsiteX3096" fmla="*/ 1886743 w 6858000"/>
              <a:gd name="connsiteY3096" fmla="*/ 2989556 h 6858000"/>
              <a:gd name="connsiteX3097" fmla="*/ 1886743 w 6858000"/>
              <a:gd name="connsiteY3097" fmla="*/ 3016034 h 6858000"/>
              <a:gd name="connsiteX3098" fmla="*/ 1913221 w 6858000"/>
              <a:gd name="connsiteY3098" fmla="*/ 3016034 h 6858000"/>
              <a:gd name="connsiteX3099" fmla="*/ 1913221 w 6858000"/>
              <a:gd name="connsiteY3099" fmla="*/ 2989556 h 6858000"/>
              <a:gd name="connsiteX3100" fmla="*/ 1761945 w 6858000"/>
              <a:gd name="connsiteY3100" fmla="*/ 2987816 h 6858000"/>
              <a:gd name="connsiteX3101" fmla="*/ 1761945 w 6858000"/>
              <a:gd name="connsiteY3101" fmla="*/ 3017775 h 6858000"/>
              <a:gd name="connsiteX3102" fmla="*/ 1791904 w 6858000"/>
              <a:gd name="connsiteY3102" fmla="*/ 3017775 h 6858000"/>
              <a:gd name="connsiteX3103" fmla="*/ 1791904 w 6858000"/>
              <a:gd name="connsiteY3103" fmla="*/ 2987816 h 6858000"/>
              <a:gd name="connsiteX3104" fmla="*/ 1637147 w 6858000"/>
              <a:gd name="connsiteY3104" fmla="*/ 2986075 h 6858000"/>
              <a:gd name="connsiteX3105" fmla="*/ 1637147 w 6858000"/>
              <a:gd name="connsiteY3105" fmla="*/ 3019515 h 6858000"/>
              <a:gd name="connsiteX3106" fmla="*/ 1670587 w 6858000"/>
              <a:gd name="connsiteY3106" fmla="*/ 3019515 h 6858000"/>
              <a:gd name="connsiteX3107" fmla="*/ 1670587 w 6858000"/>
              <a:gd name="connsiteY3107" fmla="*/ 2986075 h 6858000"/>
              <a:gd name="connsiteX3108" fmla="*/ 1512349 w 6858000"/>
              <a:gd name="connsiteY3108" fmla="*/ 2984335 h 6858000"/>
              <a:gd name="connsiteX3109" fmla="*/ 1512349 w 6858000"/>
              <a:gd name="connsiteY3109" fmla="*/ 3021256 h 6858000"/>
              <a:gd name="connsiteX3110" fmla="*/ 1549270 w 6858000"/>
              <a:gd name="connsiteY3110" fmla="*/ 3021256 h 6858000"/>
              <a:gd name="connsiteX3111" fmla="*/ 1549270 w 6858000"/>
              <a:gd name="connsiteY3111" fmla="*/ 2984335 h 6858000"/>
              <a:gd name="connsiteX3112" fmla="*/ 1387329 w 6858000"/>
              <a:gd name="connsiteY3112" fmla="*/ 2982409 h 6858000"/>
              <a:gd name="connsiteX3113" fmla="*/ 1387329 w 6858000"/>
              <a:gd name="connsiteY3113" fmla="*/ 3023218 h 6858000"/>
              <a:gd name="connsiteX3114" fmla="*/ 1428138 w 6858000"/>
              <a:gd name="connsiteY3114" fmla="*/ 3023218 h 6858000"/>
              <a:gd name="connsiteX3115" fmla="*/ 1428138 w 6858000"/>
              <a:gd name="connsiteY3115" fmla="*/ 2982409 h 6858000"/>
              <a:gd name="connsiteX3116" fmla="*/ 1262531 w 6858000"/>
              <a:gd name="connsiteY3116" fmla="*/ 2980669 h 6858000"/>
              <a:gd name="connsiteX3117" fmla="*/ 1262531 w 6858000"/>
              <a:gd name="connsiteY3117" fmla="*/ 3024959 h 6858000"/>
              <a:gd name="connsiteX3118" fmla="*/ 1306821 w 6858000"/>
              <a:gd name="connsiteY3118" fmla="*/ 3024959 h 6858000"/>
              <a:gd name="connsiteX3119" fmla="*/ 1306821 w 6858000"/>
              <a:gd name="connsiteY3119" fmla="*/ 2980669 h 6858000"/>
              <a:gd name="connsiteX3120" fmla="*/ 1137956 w 6858000"/>
              <a:gd name="connsiteY3120" fmla="*/ 2979150 h 6858000"/>
              <a:gd name="connsiteX3121" fmla="*/ 1137956 w 6858000"/>
              <a:gd name="connsiteY3121" fmla="*/ 3026477 h 6858000"/>
              <a:gd name="connsiteX3122" fmla="*/ 1185283 w 6858000"/>
              <a:gd name="connsiteY3122" fmla="*/ 3026477 h 6858000"/>
              <a:gd name="connsiteX3123" fmla="*/ 1185283 w 6858000"/>
              <a:gd name="connsiteY3123" fmla="*/ 2979150 h 6858000"/>
              <a:gd name="connsiteX3124" fmla="*/ 1013380 w 6858000"/>
              <a:gd name="connsiteY3124" fmla="*/ 2977594 h 6858000"/>
              <a:gd name="connsiteX3125" fmla="*/ 1013380 w 6858000"/>
              <a:gd name="connsiteY3125" fmla="*/ 3027995 h 6858000"/>
              <a:gd name="connsiteX3126" fmla="*/ 1063780 w 6858000"/>
              <a:gd name="connsiteY3126" fmla="*/ 3027995 h 6858000"/>
              <a:gd name="connsiteX3127" fmla="*/ 1063780 w 6858000"/>
              <a:gd name="connsiteY3127" fmla="*/ 2977594 h 6858000"/>
              <a:gd name="connsiteX3128" fmla="*/ 888767 w 6858000"/>
              <a:gd name="connsiteY3128" fmla="*/ 2976077 h 6858000"/>
              <a:gd name="connsiteX3129" fmla="*/ 888767 w 6858000"/>
              <a:gd name="connsiteY3129" fmla="*/ 3029514 h 6858000"/>
              <a:gd name="connsiteX3130" fmla="*/ 942204 w 6858000"/>
              <a:gd name="connsiteY3130" fmla="*/ 3029514 h 6858000"/>
              <a:gd name="connsiteX3131" fmla="*/ 942204 w 6858000"/>
              <a:gd name="connsiteY3131" fmla="*/ 2976077 h 6858000"/>
              <a:gd name="connsiteX3132" fmla="*/ 764636 w 6858000"/>
              <a:gd name="connsiteY3132" fmla="*/ 2975003 h 6858000"/>
              <a:gd name="connsiteX3133" fmla="*/ 764636 w 6858000"/>
              <a:gd name="connsiteY3133" fmla="*/ 3030588 h 6858000"/>
              <a:gd name="connsiteX3134" fmla="*/ 820221 w 6858000"/>
              <a:gd name="connsiteY3134" fmla="*/ 3030588 h 6858000"/>
              <a:gd name="connsiteX3135" fmla="*/ 820221 w 6858000"/>
              <a:gd name="connsiteY3135" fmla="*/ 2975003 h 6858000"/>
              <a:gd name="connsiteX3136" fmla="*/ 640505 w 6858000"/>
              <a:gd name="connsiteY3136" fmla="*/ 2973892 h 6858000"/>
              <a:gd name="connsiteX3137" fmla="*/ 640505 w 6858000"/>
              <a:gd name="connsiteY3137" fmla="*/ 3031662 h 6858000"/>
              <a:gd name="connsiteX3138" fmla="*/ 698275 w 6858000"/>
              <a:gd name="connsiteY3138" fmla="*/ 3031662 h 6858000"/>
              <a:gd name="connsiteX3139" fmla="*/ 698275 w 6858000"/>
              <a:gd name="connsiteY3139" fmla="*/ 2973892 h 6858000"/>
              <a:gd name="connsiteX3140" fmla="*/ 516559 w 6858000"/>
              <a:gd name="connsiteY3140" fmla="*/ 2973040 h 6858000"/>
              <a:gd name="connsiteX3141" fmla="*/ 516559 w 6858000"/>
              <a:gd name="connsiteY3141" fmla="*/ 3032550 h 6858000"/>
              <a:gd name="connsiteX3142" fmla="*/ 576069 w 6858000"/>
              <a:gd name="connsiteY3142" fmla="*/ 3032550 h 6858000"/>
              <a:gd name="connsiteX3143" fmla="*/ 576069 w 6858000"/>
              <a:gd name="connsiteY3143" fmla="*/ 2973040 h 6858000"/>
              <a:gd name="connsiteX3144" fmla="*/ 392650 w 6858000"/>
              <a:gd name="connsiteY3144" fmla="*/ 2972151 h 6858000"/>
              <a:gd name="connsiteX3145" fmla="*/ 392650 w 6858000"/>
              <a:gd name="connsiteY3145" fmla="*/ 3033402 h 6858000"/>
              <a:gd name="connsiteX3146" fmla="*/ 453901 w 6858000"/>
              <a:gd name="connsiteY3146" fmla="*/ 3033402 h 6858000"/>
              <a:gd name="connsiteX3147" fmla="*/ 453901 w 6858000"/>
              <a:gd name="connsiteY3147" fmla="*/ 2972151 h 6858000"/>
              <a:gd name="connsiteX3148" fmla="*/ 269148 w 6858000"/>
              <a:gd name="connsiteY3148" fmla="*/ 2971743 h 6858000"/>
              <a:gd name="connsiteX3149" fmla="*/ 269148 w 6858000"/>
              <a:gd name="connsiteY3149" fmla="*/ 3033846 h 6858000"/>
              <a:gd name="connsiteX3150" fmla="*/ 331251 w 6858000"/>
              <a:gd name="connsiteY3150" fmla="*/ 3033846 h 6858000"/>
              <a:gd name="connsiteX3151" fmla="*/ 331251 w 6858000"/>
              <a:gd name="connsiteY3151" fmla="*/ 2971743 h 6858000"/>
              <a:gd name="connsiteX3152" fmla="*/ 23033 w 6858000"/>
              <a:gd name="connsiteY3152" fmla="*/ 2971743 h 6858000"/>
              <a:gd name="connsiteX3153" fmla="*/ 23033 w 6858000"/>
              <a:gd name="connsiteY3153" fmla="*/ 3033846 h 6858000"/>
              <a:gd name="connsiteX3154" fmla="*/ 85136 w 6858000"/>
              <a:gd name="connsiteY3154" fmla="*/ 3033846 h 6858000"/>
              <a:gd name="connsiteX3155" fmla="*/ 85136 w 6858000"/>
              <a:gd name="connsiteY3155" fmla="*/ 2971743 h 6858000"/>
              <a:gd name="connsiteX3156" fmla="*/ 145646 w 6858000"/>
              <a:gd name="connsiteY3156" fmla="*/ 2971300 h 6858000"/>
              <a:gd name="connsiteX3157" fmla="*/ 145646 w 6858000"/>
              <a:gd name="connsiteY3157" fmla="*/ 3034291 h 6858000"/>
              <a:gd name="connsiteX3158" fmla="*/ 208637 w 6858000"/>
              <a:gd name="connsiteY3158" fmla="*/ 3034291 h 6858000"/>
              <a:gd name="connsiteX3159" fmla="*/ 208637 w 6858000"/>
              <a:gd name="connsiteY3159" fmla="*/ 2971300 h 6858000"/>
              <a:gd name="connsiteX3160" fmla="*/ 4237904 w 6858000"/>
              <a:gd name="connsiteY3160" fmla="*/ 2879497 h 6858000"/>
              <a:gd name="connsiteX3161" fmla="*/ 4237904 w 6858000"/>
              <a:gd name="connsiteY3161" fmla="*/ 2879941 h 6858000"/>
              <a:gd name="connsiteX3162" fmla="*/ 4238348 w 6858000"/>
              <a:gd name="connsiteY3162" fmla="*/ 2879941 h 6858000"/>
              <a:gd name="connsiteX3163" fmla="*/ 4238348 w 6858000"/>
              <a:gd name="connsiteY3163" fmla="*/ 2879497 h 6858000"/>
              <a:gd name="connsiteX3164" fmla="*/ 4114847 w 6858000"/>
              <a:gd name="connsiteY3164" fmla="*/ 2879497 h 6858000"/>
              <a:gd name="connsiteX3165" fmla="*/ 4114847 w 6858000"/>
              <a:gd name="connsiteY3165" fmla="*/ 2879941 h 6858000"/>
              <a:gd name="connsiteX3166" fmla="*/ 4115291 w 6858000"/>
              <a:gd name="connsiteY3166" fmla="*/ 2879941 h 6858000"/>
              <a:gd name="connsiteX3167" fmla="*/ 4115291 w 6858000"/>
              <a:gd name="connsiteY3167" fmla="*/ 2879497 h 6858000"/>
              <a:gd name="connsiteX3168" fmla="*/ 3991789 w 6858000"/>
              <a:gd name="connsiteY3168" fmla="*/ 2879497 h 6858000"/>
              <a:gd name="connsiteX3169" fmla="*/ 3991789 w 6858000"/>
              <a:gd name="connsiteY3169" fmla="*/ 2879941 h 6858000"/>
              <a:gd name="connsiteX3170" fmla="*/ 3992234 w 6858000"/>
              <a:gd name="connsiteY3170" fmla="*/ 2879941 h 6858000"/>
              <a:gd name="connsiteX3171" fmla="*/ 3992234 w 6858000"/>
              <a:gd name="connsiteY3171" fmla="*/ 2879497 h 6858000"/>
              <a:gd name="connsiteX3172" fmla="*/ 3868732 w 6858000"/>
              <a:gd name="connsiteY3172" fmla="*/ 2879497 h 6858000"/>
              <a:gd name="connsiteX3173" fmla="*/ 3868732 w 6858000"/>
              <a:gd name="connsiteY3173" fmla="*/ 2879941 h 6858000"/>
              <a:gd name="connsiteX3174" fmla="*/ 3869176 w 6858000"/>
              <a:gd name="connsiteY3174" fmla="*/ 2879941 h 6858000"/>
              <a:gd name="connsiteX3175" fmla="*/ 3869176 w 6858000"/>
              <a:gd name="connsiteY3175" fmla="*/ 2879497 h 6858000"/>
              <a:gd name="connsiteX3176" fmla="*/ 3745675 w 6858000"/>
              <a:gd name="connsiteY3176" fmla="*/ 2879497 h 6858000"/>
              <a:gd name="connsiteX3177" fmla="*/ 3745675 w 6858000"/>
              <a:gd name="connsiteY3177" fmla="*/ 2879941 h 6858000"/>
              <a:gd name="connsiteX3178" fmla="*/ 3746119 w 6858000"/>
              <a:gd name="connsiteY3178" fmla="*/ 2879941 h 6858000"/>
              <a:gd name="connsiteX3179" fmla="*/ 3746119 w 6858000"/>
              <a:gd name="connsiteY3179" fmla="*/ 2879497 h 6858000"/>
              <a:gd name="connsiteX3180" fmla="*/ 3622395 w 6858000"/>
              <a:gd name="connsiteY3180" fmla="*/ 2879312 h 6858000"/>
              <a:gd name="connsiteX3181" fmla="*/ 3622395 w 6858000"/>
              <a:gd name="connsiteY3181" fmla="*/ 2880164 h 6858000"/>
              <a:gd name="connsiteX3182" fmla="*/ 3623247 w 6858000"/>
              <a:gd name="connsiteY3182" fmla="*/ 2880164 h 6858000"/>
              <a:gd name="connsiteX3183" fmla="*/ 3623247 w 6858000"/>
              <a:gd name="connsiteY3183" fmla="*/ 2879312 h 6858000"/>
              <a:gd name="connsiteX3184" fmla="*/ 3499338 w 6858000"/>
              <a:gd name="connsiteY3184" fmla="*/ 2879312 h 6858000"/>
              <a:gd name="connsiteX3185" fmla="*/ 3499338 w 6858000"/>
              <a:gd name="connsiteY3185" fmla="*/ 2880164 h 6858000"/>
              <a:gd name="connsiteX3186" fmla="*/ 3500190 w 6858000"/>
              <a:gd name="connsiteY3186" fmla="*/ 2880164 h 6858000"/>
              <a:gd name="connsiteX3187" fmla="*/ 3500190 w 6858000"/>
              <a:gd name="connsiteY3187" fmla="*/ 2879312 h 6858000"/>
              <a:gd name="connsiteX3188" fmla="*/ 3376058 w 6858000"/>
              <a:gd name="connsiteY3188" fmla="*/ 2879090 h 6858000"/>
              <a:gd name="connsiteX3189" fmla="*/ 3376058 w 6858000"/>
              <a:gd name="connsiteY3189" fmla="*/ 2880386 h 6858000"/>
              <a:gd name="connsiteX3190" fmla="*/ 3377354 w 6858000"/>
              <a:gd name="connsiteY3190" fmla="*/ 2880386 h 6858000"/>
              <a:gd name="connsiteX3191" fmla="*/ 3377354 w 6858000"/>
              <a:gd name="connsiteY3191" fmla="*/ 2879090 h 6858000"/>
              <a:gd name="connsiteX3192" fmla="*/ 3252557 w 6858000"/>
              <a:gd name="connsiteY3192" fmla="*/ 2878645 h 6858000"/>
              <a:gd name="connsiteX3193" fmla="*/ 3252557 w 6858000"/>
              <a:gd name="connsiteY3193" fmla="*/ 2880830 h 6858000"/>
              <a:gd name="connsiteX3194" fmla="*/ 3254742 w 6858000"/>
              <a:gd name="connsiteY3194" fmla="*/ 2880830 h 6858000"/>
              <a:gd name="connsiteX3195" fmla="*/ 3254742 w 6858000"/>
              <a:gd name="connsiteY3195" fmla="*/ 2878645 h 6858000"/>
              <a:gd name="connsiteX3196" fmla="*/ 3129055 w 6858000"/>
              <a:gd name="connsiteY3196" fmla="*/ 2878201 h 6858000"/>
              <a:gd name="connsiteX3197" fmla="*/ 3129055 w 6858000"/>
              <a:gd name="connsiteY3197" fmla="*/ 2881238 h 6858000"/>
              <a:gd name="connsiteX3198" fmla="*/ 3132092 w 6858000"/>
              <a:gd name="connsiteY3198" fmla="*/ 2881238 h 6858000"/>
              <a:gd name="connsiteX3199" fmla="*/ 3132092 w 6858000"/>
              <a:gd name="connsiteY3199" fmla="*/ 2878201 h 6858000"/>
              <a:gd name="connsiteX3200" fmla="*/ 3005553 w 6858000"/>
              <a:gd name="connsiteY3200" fmla="*/ 2877757 h 6858000"/>
              <a:gd name="connsiteX3201" fmla="*/ 3005553 w 6858000"/>
              <a:gd name="connsiteY3201" fmla="*/ 2881682 h 6858000"/>
              <a:gd name="connsiteX3202" fmla="*/ 3009478 w 6858000"/>
              <a:gd name="connsiteY3202" fmla="*/ 2881682 h 6858000"/>
              <a:gd name="connsiteX3203" fmla="*/ 3009478 w 6858000"/>
              <a:gd name="connsiteY3203" fmla="*/ 2877757 h 6858000"/>
              <a:gd name="connsiteX3204" fmla="*/ 2881644 w 6858000"/>
              <a:gd name="connsiteY3204" fmla="*/ 2876942 h 6858000"/>
              <a:gd name="connsiteX3205" fmla="*/ 2881644 w 6858000"/>
              <a:gd name="connsiteY3205" fmla="*/ 2882571 h 6858000"/>
              <a:gd name="connsiteX3206" fmla="*/ 2887273 w 6858000"/>
              <a:gd name="connsiteY3206" fmla="*/ 2882571 h 6858000"/>
              <a:gd name="connsiteX3207" fmla="*/ 2887273 w 6858000"/>
              <a:gd name="connsiteY3207" fmla="*/ 2876942 h 6858000"/>
              <a:gd name="connsiteX3208" fmla="*/ 2757698 w 6858000"/>
              <a:gd name="connsiteY3208" fmla="*/ 2876053 h 6858000"/>
              <a:gd name="connsiteX3209" fmla="*/ 2757698 w 6858000"/>
              <a:gd name="connsiteY3209" fmla="*/ 2883422 h 6858000"/>
              <a:gd name="connsiteX3210" fmla="*/ 2765067 w 6858000"/>
              <a:gd name="connsiteY3210" fmla="*/ 2883422 h 6858000"/>
              <a:gd name="connsiteX3211" fmla="*/ 2765067 w 6858000"/>
              <a:gd name="connsiteY3211" fmla="*/ 2876053 h 6858000"/>
              <a:gd name="connsiteX3212" fmla="*/ 2633789 w 6858000"/>
              <a:gd name="connsiteY3212" fmla="*/ 2875201 h 6858000"/>
              <a:gd name="connsiteX3213" fmla="*/ 2633789 w 6858000"/>
              <a:gd name="connsiteY3213" fmla="*/ 2884311 h 6858000"/>
              <a:gd name="connsiteX3214" fmla="*/ 2642899 w 6858000"/>
              <a:gd name="connsiteY3214" fmla="*/ 2884311 h 6858000"/>
              <a:gd name="connsiteX3215" fmla="*/ 2642899 w 6858000"/>
              <a:gd name="connsiteY3215" fmla="*/ 2875201 h 6858000"/>
              <a:gd name="connsiteX3216" fmla="*/ 2509399 w 6858000"/>
              <a:gd name="connsiteY3216" fmla="*/ 2873868 h 6858000"/>
              <a:gd name="connsiteX3217" fmla="*/ 2509399 w 6858000"/>
              <a:gd name="connsiteY3217" fmla="*/ 2885607 h 6858000"/>
              <a:gd name="connsiteX3218" fmla="*/ 2521138 w 6858000"/>
              <a:gd name="connsiteY3218" fmla="*/ 2885607 h 6858000"/>
              <a:gd name="connsiteX3219" fmla="*/ 2521138 w 6858000"/>
              <a:gd name="connsiteY3219" fmla="*/ 2873868 h 6858000"/>
              <a:gd name="connsiteX3220" fmla="*/ 2385045 w 6858000"/>
              <a:gd name="connsiteY3220" fmla="*/ 2872572 h 6858000"/>
              <a:gd name="connsiteX3221" fmla="*/ 2385045 w 6858000"/>
              <a:gd name="connsiteY3221" fmla="*/ 2886903 h 6858000"/>
              <a:gd name="connsiteX3222" fmla="*/ 2399376 w 6858000"/>
              <a:gd name="connsiteY3222" fmla="*/ 2886903 h 6858000"/>
              <a:gd name="connsiteX3223" fmla="*/ 2399376 w 6858000"/>
              <a:gd name="connsiteY3223" fmla="*/ 2872572 h 6858000"/>
              <a:gd name="connsiteX3224" fmla="*/ 2260470 w 6858000"/>
              <a:gd name="connsiteY3224" fmla="*/ 2871054 h 6858000"/>
              <a:gd name="connsiteX3225" fmla="*/ 2260470 w 6858000"/>
              <a:gd name="connsiteY3225" fmla="*/ 2888422 h 6858000"/>
              <a:gd name="connsiteX3226" fmla="*/ 2277838 w 6858000"/>
              <a:gd name="connsiteY3226" fmla="*/ 2888422 h 6858000"/>
              <a:gd name="connsiteX3227" fmla="*/ 2277838 w 6858000"/>
              <a:gd name="connsiteY3227" fmla="*/ 2871054 h 6858000"/>
              <a:gd name="connsiteX3228" fmla="*/ 2135672 w 6858000"/>
              <a:gd name="connsiteY3228" fmla="*/ 2869313 h 6858000"/>
              <a:gd name="connsiteX3229" fmla="*/ 2135672 w 6858000"/>
              <a:gd name="connsiteY3229" fmla="*/ 2890162 h 6858000"/>
              <a:gd name="connsiteX3230" fmla="*/ 2156521 w 6858000"/>
              <a:gd name="connsiteY3230" fmla="*/ 2890162 h 6858000"/>
              <a:gd name="connsiteX3231" fmla="*/ 2156521 w 6858000"/>
              <a:gd name="connsiteY3231" fmla="*/ 2869313 h 6858000"/>
              <a:gd name="connsiteX3232" fmla="*/ 2010874 w 6858000"/>
              <a:gd name="connsiteY3232" fmla="*/ 2867573 h 6858000"/>
              <a:gd name="connsiteX3233" fmla="*/ 2010874 w 6858000"/>
              <a:gd name="connsiteY3233" fmla="*/ 2891903 h 6858000"/>
              <a:gd name="connsiteX3234" fmla="*/ 2035204 w 6858000"/>
              <a:gd name="connsiteY3234" fmla="*/ 2891903 h 6858000"/>
              <a:gd name="connsiteX3235" fmla="*/ 2035204 w 6858000"/>
              <a:gd name="connsiteY3235" fmla="*/ 2867573 h 6858000"/>
              <a:gd name="connsiteX3236" fmla="*/ 1885854 w 6858000"/>
              <a:gd name="connsiteY3236" fmla="*/ 2865647 h 6858000"/>
              <a:gd name="connsiteX3237" fmla="*/ 1885854 w 6858000"/>
              <a:gd name="connsiteY3237" fmla="*/ 2893865 h 6858000"/>
              <a:gd name="connsiteX3238" fmla="*/ 1914072 w 6858000"/>
              <a:gd name="connsiteY3238" fmla="*/ 2893865 h 6858000"/>
              <a:gd name="connsiteX3239" fmla="*/ 1914072 w 6858000"/>
              <a:gd name="connsiteY3239" fmla="*/ 2865647 h 6858000"/>
              <a:gd name="connsiteX3240" fmla="*/ 1760834 w 6858000"/>
              <a:gd name="connsiteY3240" fmla="*/ 2863647 h 6858000"/>
              <a:gd name="connsiteX3241" fmla="*/ 1760834 w 6858000"/>
              <a:gd name="connsiteY3241" fmla="*/ 2895791 h 6858000"/>
              <a:gd name="connsiteX3242" fmla="*/ 1792978 w 6858000"/>
              <a:gd name="connsiteY3242" fmla="*/ 2895791 h 6858000"/>
              <a:gd name="connsiteX3243" fmla="*/ 1792978 w 6858000"/>
              <a:gd name="connsiteY3243" fmla="*/ 2863647 h 6858000"/>
              <a:gd name="connsiteX3244" fmla="*/ 1635814 w 6858000"/>
              <a:gd name="connsiteY3244" fmla="*/ 2861722 h 6858000"/>
              <a:gd name="connsiteX3245" fmla="*/ 1635814 w 6858000"/>
              <a:gd name="connsiteY3245" fmla="*/ 2897754 h 6858000"/>
              <a:gd name="connsiteX3246" fmla="*/ 1671846 w 6858000"/>
              <a:gd name="connsiteY3246" fmla="*/ 2897754 h 6858000"/>
              <a:gd name="connsiteX3247" fmla="*/ 1671846 w 6858000"/>
              <a:gd name="connsiteY3247" fmla="*/ 2861722 h 6858000"/>
              <a:gd name="connsiteX3248" fmla="*/ 1510831 w 6858000"/>
              <a:gd name="connsiteY3248" fmla="*/ 2859760 h 6858000"/>
              <a:gd name="connsiteX3249" fmla="*/ 1510831 w 6858000"/>
              <a:gd name="connsiteY3249" fmla="*/ 2899717 h 6858000"/>
              <a:gd name="connsiteX3250" fmla="*/ 1550789 w 6858000"/>
              <a:gd name="connsiteY3250" fmla="*/ 2899717 h 6858000"/>
              <a:gd name="connsiteX3251" fmla="*/ 1550789 w 6858000"/>
              <a:gd name="connsiteY3251" fmla="*/ 2859760 h 6858000"/>
              <a:gd name="connsiteX3252" fmla="*/ 1385811 w 6858000"/>
              <a:gd name="connsiteY3252" fmla="*/ 2857796 h 6858000"/>
              <a:gd name="connsiteX3253" fmla="*/ 1385811 w 6858000"/>
              <a:gd name="connsiteY3253" fmla="*/ 2901679 h 6858000"/>
              <a:gd name="connsiteX3254" fmla="*/ 1429694 w 6858000"/>
              <a:gd name="connsiteY3254" fmla="*/ 2901679 h 6858000"/>
              <a:gd name="connsiteX3255" fmla="*/ 1429694 w 6858000"/>
              <a:gd name="connsiteY3255" fmla="*/ 2857796 h 6858000"/>
              <a:gd name="connsiteX3256" fmla="*/ 1261013 w 6858000"/>
              <a:gd name="connsiteY3256" fmla="*/ 2856093 h 6858000"/>
              <a:gd name="connsiteX3257" fmla="*/ 1261013 w 6858000"/>
              <a:gd name="connsiteY3257" fmla="*/ 2903420 h 6858000"/>
              <a:gd name="connsiteX3258" fmla="*/ 1308340 w 6858000"/>
              <a:gd name="connsiteY3258" fmla="*/ 2903420 h 6858000"/>
              <a:gd name="connsiteX3259" fmla="*/ 1308340 w 6858000"/>
              <a:gd name="connsiteY3259" fmla="*/ 2856093 h 6858000"/>
              <a:gd name="connsiteX3260" fmla="*/ 1135993 w 6858000"/>
              <a:gd name="connsiteY3260" fmla="*/ 2854093 h 6858000"/>
              <a:gd name="connsiteX3261" fmla="*/ 1135993 w 6858000"/>
              <a:gd name="connsiteY3261" fmla="*/ 2905345 h 6858000"/>
              <a:gd name="connsiteX3262" fmla="*/ 1187245 w 6858000"/>
              <a:gd name="connsiteY3262" fmla="*/ 2905345 h 6858000"/>
              <a:gd name="connsiteX3263" fmla="*/ 1187245 w 6858000"/>
              <a:gd name="connsiteY3263" fmla="*/ 2854093 h 6858000"/>
              <a:gd name="connsiteX3264" fmla="*/ 1011417 w 6858000"/>
              <a:gd name="connsiteY3264" fmla="*/ 2852575 h 6858000"/>
              <a:gd name="connsiteX3265" fmla="*/ 1011417 w 6858000"/>
              <a:gd name="connsiteY3265" fmla="*/ 2906864 h 6858000"/>
              <a:gd name="connsiteX3266" fmla="*/ 1065706 w 6858000"/>
              <a:gd name="connsiteY3266" fmla="*/ 2906864 h 6858000"/>
              <a:gd name="connsiteX3267" fmla="*/ 1065706 w 6858000"/>
              <a:gd name="connsiteY3267" fmla="*/ 2852575 h 6858000"/>
              <a:gd name="connsiteX3268" fmla="*/ 886842 w 6858000"/>
              <a:gd name="connsiteY3268" fmla="*/ 2851057 h 6858000"/>
              <a:gd name="connsiteX3269" fmla="*/ 886842 w 6858000"/>
              <a:gd name="connsiteY3269" fmla="*/ 2908382 h 6858000"/>
              <a:gd name="connsiteX3270" fmla="*/ 944168 w 6858000"/>
              <a:gd name="connsiteY3270" fmla="*/ 2908382 h 6858000"/>
              <a:gd name="connsiteX3271" fmla="*/ 944168 w 6858000"/>
              <a:gd name="connsiteY3271" fmla="*/ 2851057 h 6858000"/>
              <a:gd name="connsiteX3272" fmla="*/ 762266 w 6858000"/>
              <a:gd name="connsiteY3272" fmla="*/ 2849538 h 6858000"/>
              <a:gd name="connsiteX3273" fmla="*/ 762266 w 6858000"/>
              <a:gd name="connsiteY3273" fmla="*/ 2909900 h 6858000"/>
              <a:gd name="connsiteX3274" fmla="*/ 822628 w 6858000"/>
              <a:gd name="connsiteY3274" fmla="*/ 2909900 h 6858000"/>
              <a:gd name="connsiteX3275" fmla="*/ 822628 w 6858000"/>
              <a:gd name="connsiteY3275" fmla="*/ 2849538 h 6858000"/>
              <a:gd name="connsiteX3276" fmla="*/ 638098 w 6858000"/>
              <a:gd name="connsiteY3276" fmla="*/ 2848464 h 6858000"/>
              <a:gd name="connsiteX3277" fmla="*/ 638098 w 6858000"/>
              <a:gd name="connsiteY3277" fmla="*/ 2911011 h 6858000"/>
              <a:gd name="connsiteX3278" fmla="*/ 700645 w 6858000"/>
              <a:gd name="connsiteY3278" fmla="*/ 2911011 h 6858000"/>
              <a:gd name="connsiteX3279" fmla="*/ 700645 w 6858000"/>
              <a:gd name="connsiteY3279" fmla="*/ 2848464 h 6858000"/>
              <a:gd name="connsiteX3280" fmla="*/ 513967 w 6858000"/>
              <a:gd name="connsiteY3280" fmla="*/ 2847353 h 6858000"/>
              <a:gd name="connsiteX3281" fmla="*/ 513967 w 6858000"/>
              <a:gd name="connsiteY3281" fmla="*/ 2912085 h 6858000"/>
              <a:gd name="connsiteX3282" fmla="*/ 578699 w 6858000"/>
              <a:gd name="connsiteY3282" fmla="*/ 2912085 h 6858000"/>
              <a:gd name="connsiteX3283" fmla="*/ 578699 w 6858000"/>
              <a:gd name="connsiteY3283" fmla="*/ 2847353 h 6858000"/>
              <a:gd name="connsiteX3284" fmla="*/ 390243 w 6858000"/>
              <a:gd name="connsiteY3284" fmla="*/ 2846724 h 6858000"/>
              <a:gd name="connsiteX3285" fmla="*/ 390243 w 6858000"/>
              <a:gd name="connsiteY3285" fmla="*/ 2912752 h 6858000"/>
              <a:gd name="connsiteX3286" fmla="*/ 456271 w 6858000"/>
              <a:gd name="connsiteY3286" fmla="*/ 2912752 h 6858000"/>
              <a:gd name="connsiteX3287" fmla="*/ 456271 w 6858000"/>
              <a:gd name="connsiteY3287" fmla="*/ 2846724 h 6858000"/>
              <a:gd name="connsiteX3288" fmla="*/ 20626 w 6858000"/>
              <a:gd name="connsiteY3288" fmla="*/ 2846279 h 6858000"/>
              <a:gd name="connsiteX3289" fmla="*/ 20626 w 6858000"/>
              <a:gd name="connsiteY3289" fmla="*/ 2913159 h 6858000"/>
              <a:gd name="connsiteX3290" fmla="*/ 87506 w 6858000"/>
              <a:gd name="connsiteY3290" fmla="*/ 2913159 h 6858000"/>
              <a:gd name="connsiteX3291" fmla="*/ 87506 w 6858000"/>
              <a:gd name="connsiteY3291" fmla="*/ 2846279 h 6858000"/>
              <a:gd name="connsiteX3292" fmla="*/ 266519 w 6858000"/>
              <a:gd name="connsiteY3292" fmla="*/ 2846057 h 6858000"/>
              <a:gd name="connsiteX3293" fmla="*/ 266519 w 6858000"/>
              <a:gd name="connsiteY3293" fmla="*/ 2913381 h 6858000"/>
              <a:gd name="connsiteX3294" fmla="*/ 333843 w 6858000"/>
              <a:gd name="connsiteY3294" fmla="*/ 2913381 h 6858000"/>
              <a:gd name="connsiteX3295" fmla="*/ 333843 w 6858000"/>
              <a:gd name="connsiteY3295" fmla="*/ 2846057 h 6858000"/>
              <a:gd name="connsiteX3296" fmla="*/ 143054 w 6858000"/>
              <a:gd name="connsiteY3296" fmla="*/ 2845650 h 6858000"/>
              <a:gd name="connsiteX3297" fmla="*/ 143054 w 6858000"/>
              <a:gd name="connsiteY3297" fmla="*/ 2913826 h 6858000"/>
              <a:gd name="connsiteX3298" fmla="*/ 211230 w 6858000"/>
              <a:gd name="connsiteY3298" fmla="*/ 2913826 h 6858000"/>
              <a:gd name="connsiteX3299" fmla="*/ 211230 w 6858000"/>
              <a:gd name="connsiteY3299" fmla="*/ 2845650 h 6858000"/>
              <a:gd name="connsiteX3300" fmla="*/ 4237904 w 6858000"/>
              <a:gd name="connsiteY3300" fmla="*/ 2756440 h 6858000"/>
              <a:gd name="connsiteX3301" fmla="*/ 4237904 w 6858000"/>
              <a:gd name="connsiteY3301" fmla="*/ 2756884 h 6858000"/>
              <a:gd name="connsiteX3302" fmla="*/ 4238348 w 6858000"/>
              <a:gd name="connsiteY3302" fmla="*/ 2756884 h 6858000"/>
              <a:gd name="connsiteX3303" fmla="*/ 4238348 w 6858000"/>
              <a:gd name="connsiteY3303" fmla="*/ 2756440 h 6858000"/>
              <a:gd name="connsiteX3304" fmla="*/ 4114847 w 6858000"/>
              <a:gd name="connsiteY3304" fmla="*/ 2756440 h 6858000"/>
              <a:gd name="connsiteX3305" fmla="*/ 4114847 w 6858000"/>
              <a:gd name="connsiteY3305" fmla="*/ 2756884 h 6858000"/>
              <a:gd name="connsiteX3306" fmla="*/ 4115291 w 6858000"/>
              <a:gd name="connsiteY3306" fmla="*/ 2756884 h 6858000"/>
              <a:gd name="connsiteX3307" fmla="*/ 4115291 w 6858000"/>
              <a:gd name="connsiteY3307" fmla="*/ 2756440 h 6858000"/>
              <a:gd name="connsiteX3308" fmla="*/ 3991789 w 6858000"/>
              <a:gd name="connsiteY3308" fmla="*/ 2756440 h 6858000"/>
              <a:gd name="connsiteX3309" fmla="*/ 3991789 w 6858000"/>
              <a:gd name="connsiteY3309" fmla="*/ 2756884 h 6858000"/>
              <a:gd name="connsiteX3310" fmla="*/ 3992234 w 6858000"/>
              <a:gd name="connsiteY3310" fmla="*/ 2756884 h 6858000"/>
              <a:gd name="connsiteX3311" fmla="*/ 3992234 w 6858000"/>
              <a:gd name="connsiteY3311" fmla="*/ 2756440 h 6858000"/>
              <a:gd name="connsiteX3312" fmla="*/ 3868732 w 6858000"/>
              <a:gd name="connsiteY3312" fmla="*/ 2756440 h 6858000"/>
              <a:gd name="connsiteX3313" fmla="*/ 3868732 w 6858000"/>
              <a:gd name="connsiteY3313" fmla="*/ 2756884 h 6858000"/>
              <a:gd name="connsiteX3314" fmla="*/ 3869176 w 6858000"/>
              <a:gd name="connsiteY3314" fmla="*/ 2756884 h 6858000"/>
              <a:gd name="connsiteX3315" fmla="*/ 3869176 w 6858000"/>
              <a:gd name="connsiteY3315" fmla="*/ 2756440 h 6858000"/>
              <a:gd name="connsiteX3316" fmla="*/ 3745675 w 6858000"/>
              <a:gd name="connsiteY3316" fmla="*/ 2756440 h 6858000"/>
              <a:gd name="connsiteX3317" fmla="*/ 3745675 w 6858000"/>
              <a:gd name="connsiteY3317" fmla="*/ 2756884 h 6858000"/>
              <a:gd name="connsiteX3318" fmla="*/ 3746119 w 6858000"/>
              <a:gd name="connsiteY3318" fmla="*/ 2756884 h 6858000"/>
              <a:gd name="connsiteX3319" fmla="*/ 3746119 w 6858000"/>
              <a:gd name="connsiteY3319" fmla="*/ 2756440 h 6858000"/>
              <a:gd name="connsiteX3320" fmla="*/ 3622617 w 6858000"/>
              <a:gd name="connsiteY3320" fmla="*/ 2756440 h 6858000"/>
              <a:gd name="connsiteX3321" fmla="*/ 3622617 w 6858000"/>
              <a:gd name="connsiteY3321" fmla="*/ 2756884 h 6858000"/>
              <a:gd name="connsiteX3322" fmla="*/ 3623061 w 6858000"/>
              <a:gd name="connsiteY3322" fmla="*/ 2756884 h 6858000"/>
              <a:gd name="connsiteX3323" fmla="*/ 3623061 w 6858000"/>
              <a:gd name="connsiteY3323" fmla="*/ 2756440 h 6858000"/>
              <a:gd name="connsiteX3324" fmla="*/ 3499338 w 6858000"/>
              <a:gd name="connsiteY3324" fmla="*/ 2756254 h 6858000"/>
              <a:gd name="connsiteX3325" fmla="*/ 3499338 w 6858000"/>
              <a:gd name="connsiteY3325" fmla="*/ 2757106 h 6858000"/>
              <a:gd name="connsiteX3326" fmla="*/ 3500190 w 6858000"/>
              <a:gd name="connsiteY3326" fmla="*/ 2757106 h 6858000"/>
              <a:gd name="connsiteX3327" fmla="*/ 3500190 w 6858000"/>
              <a:gd name="connsiteY3327" fmla="*/ 2756254 h 6858000"/>
              <a:gd name="connsiteX3328" fmla="*/ 3376058 w 6858000"/>
              <a:gd name="connsiteY3328" fmla="*/ 2756032 h 6858000"/>
              <a:gd name="connsiteX3329" fmla="*/ 3376058 w 6858000"/>
              <a:gd name="connsiteY3329" fmla="*/ 2757328 h 6858000"/>
              <a:gd name="connsiteX3330" fmla="*/ 3377354 w 6858000"/>
              <a:gd name="connsiteY3330" fmla="*/ 2757328 h 6858000"/>
              <a:gd name="connsiteX3331" fmla="*/ 3377354 w 6858000"/>
              <a:gd name="connsiteY3331" fmla="*/ 2756032 h 6858000"/>
              <a:gd name="connsiteX3332" fmla="*/ 3252779 w 6858000"/>
              <a:gd name="connsiteY3332" fmla="*/ 2755811 h 6858000"/>
              <a:gd name="connsiteX3333" fmla="*/ 3252779 w 6858000"/>
              <a:gd name="connsiteY3333" fmla="*/ 2757551 h 6858000"/>
              <a:gd name="connsiteX3334" fmla="*/ 3254519 w 6858000"/>
              <a:gd name="connsiteY3334" fmla="*/ 2757551 h 6858000"/>
              <a:gd name="connsiteX3335" fmla="*/ 3254519 w 6858000"/>
              <a:gd name="connsiteY3335" fmla="*/ 2755811 h 6858000"/>
              <a:gd name="connsiteX3336" fmla="*/ 3129277 w 6858000"/>
              <a:gd name="connsiteY3336" fmla="*/ 2755366 h 6858000"/>
              <a:gd name="connsiteX3337" fmla="*/ 3129277 w 6858000"/>
              <a:gd name="connsiteY3337" fmla="*/ 2757958 h 6858000"/>
              <a:gd name="connsiteX3338" fmla="*/ 3131869 w 6858000"/>
              <a:gd name="connsiteY3338" fmla="*/ 2757958 h 6858000"/>
              <a:gd name="connsiteX3339" fmla="*/ 3131869 w 6858000"/>
              <a:gd name="connsiteY3339" fmla="*/ 2755366 h 6858000"/>
              <a:gd name="connsiteX3340" fmla="*/ 3005553 w 6858000"/>
              <a:gd name="connsiteY3340" fmla="*/ 2754700 h 6858000"/>
              <a:gd name="connsiteX3341" fmla="*/ 3005553 w 6858000"/>
              <a:gd name="connsiteY3341" fmla="*/ 2758625 h 6858000"/>
              <a:gd name="connsiteX3342" fmla="*/ 3009478 w 6858000"/>
              <a:gd name="connsiteY3342" fmla="*/ 2758625 h 6858000"/>
              <a:gd name="connsiteX3343" fmla="*/ 3009478 w 6858000"/>
              <a:gd name="connsiteY3343" fmla="*/ 2754700 h 6858000"/>
              <a:gd name="connsiteX3344" fmla="*/ 2881866 w 6858000"/>
              <a:gd name="connsiteY3344" fmla="*/ 2754070 h 6858000"/>
              <a:gd name="connsiteX3345" fmla="*/ 2881866 w 6858000"/>
              <a:gd name="connsiteY3345" fmla="*/ 2759291 h 6858000"/>
              <a:gd name="connsiteX3346" fmla="*/ 2887087 w 6858000"/>
              <a:gd name="connsiteY3346" fmla="*/ 2759291 h 6858000"/>
              <a:gd name="connsiteX3347" fmla="*/ 2887087 w 6858000"/>
              <a:gd name="connsiteY3347" fmla="*/ 2754070 h 6858000"/>
              <a:gd name="connsiteX3348" fmla="*/ 2757920 w 6858000"/>
              <a:gd name="connsiteY3348" fmla="*/ 2753181 h 6858000"/>
              <a:gd name="connsiteX3349" fmla="*/ 2757920 w 6858000"/>
              <a:gd name="connsiteY3349" fmla="*/ 2760143 h 6858000"/>
              <a:gd name="connsiteX3350" fmla="*/ 2764882 w 6858000"/>
              <a:gd name="connsiteY3350" fmla="*/ 2760143 h 6858000"/>
              <a:gd name="connsiteX3351" fmla="*/ 2764882 w 6858000"/>
              <a:gd name="connsiteY3351" fmla="*/ 2753181 h 6858000"/>
              <a:gd name="connsiteX3352" fmla="*/ 2633789 w 6858000"/>
              <a:gd name="connsiteY3352" fmla="*/ 2752107 h 6858000"/>
              <a:gd name="connsiteX3353" fmla="*/ 2633789 w 6858000"/>
              <a:gd name="connsiteY3353" fmla="*/ 2761217 h 6858000"/>
              <a:gd name="connsiteX3354" fmla="*/ 2642899 w 6858000"/>
              <a:gd name="connsiteY3354" fmla="*/ 2761217 h 6858000"/>
              <a:gd name="connsiteX3355" fmla="*/ 2642899 w 6858000"/>
              <a:gd name="connsiteY3355" fmla="*/ 2752107 h 6858000"/>
              <a:gd name="connsiteX3356" fmla="*/ 2509399 w 6858000"/>
              <a:gd name="connsiteY3356" fmla="*/ 2750811 h 6858000"/>
              <a:gd name="connsiteX3357" fmla="*/ 2509399 w 6858000"/>
              <a:gd name="connsiteY3357" fmla="*/ 2762550 h 6858000"/>
              <a:gd name="connsiteX3358" fmla="*/ 2521138 w 6858000"/>
              <a:gd name="connsiteY3358" fmla="*/ 2762550 h 6858000"/>
              <a:gd name="connsiteX3359" fmla="*/ 2521138 w 6858000"/>
              <a:gd name="connsiteY3359" fmla="*/ 2750811 h 6858000"/>
              <a:gd name="connsiteX3360" fmla="*/ 2384823 w 6858000"/>
              <a:gd name="connsiteY3360" fmla="*/ 2749292 h 6858000"/>
              <a:gd name="connsiteX3361" fmla="*/ 2384823 w 6858000"/>
              <a:gd name="connsiteY3361" fmla="*/ 2764068 h 6858000"/>
              <a:gd name="connsiteX3362" fmla="*/ 2399599 w 6858000"/>
              <a:gd name="connsiteY3362" fmla="*/ 2764068 h 6858000"/>
              <a:gd name="connsiteX3363" fmla="*/ 2399599 w 6858000"/>
              <a:gd name="connsiteY3363" fmla="*/ 2749292 h 6858000"/>
              <a:gd name="connsiteX3364" fmla="*/ 2260247 w 6858000"/>
              <a:gd name="connsiteY3364" fmla="*/ 2747775 h 6858000"/>
              <a:gd name="connsiteX3365" fmla="*/ 2260247 w 6858000"/>
              <a:gd name="connsiteY3365" fmla="*/ 2765587 h 6858000"/>
              <a:gd name="connsiteX3366" fmla="*/ 2278059 w 6858000"/>
              <a:gd name="connsiteY3366" fmla="*/ 2765587 h 6858000"/>
              <a:gd name="connsiteX3367" fmla="*/ 2278059 w 6858000"/>
              <a:gd name="connsiteY3367" fmla="*/ 2747775 h 6858000"/>
              <a:gd name="connsiteX3368" fmla="*/ 2135227 w 6858000"/>
              <a:gd name="connsiteY3368" fmla="*/ 2745848 h 6858000"/>
              <a:gd name="connsiteX3369" fmla="*/ 2135227 w 6858000"/>
              <a:gd name="connsiteY3369" fmla="*/ 2767549 h 6858000"/>
              <a:gd name="connsiteX3370" fmla="*/ 2156928 w 6858000"/>
              <a:gd name="connsiteY3370" fmla="*/ 2767549 h 6858000"/>
              <a:gd name="connsiteX3371" fmla="*/ 2156928 w 6858000"/>
              <a:gd name="connsiteY3371" fmla="*/ 2745848 h 6858000"/>
              <a:gd name="connsiteX3372" fmla="*/ 2010207 w 6858000"/>
              <a:gd name="connsiteY3372" fmla="*/ 2743849 h 6858000"/>
              <a:gd name="connsiteX3373" fmla="*/ 2010207 w 6858000"/>
              <a:gd name="connsiteY3373" fmla="*/ 2769475 h 6858000"/>
              <a:gd name="connsiteX3374" fmla="*/ 2035833 w 6858000"/>
              <a:gd name="connsiteY3374" fmla="*/ 2769475 h 6858000"/>
              <a:gd name="connsiteX3375" fmla="*/ 2035833 w 6858000"/>
              <a:gd name="connsiteY3375" fmla="*/ 2743849 h 6858000"/>
              <a:gd name="connsiteX3376" fmla="*/ 1885224 w 6858000"/>
              <a:gd name="connsiteY3376" fmla="*/ 2741887 h 6858000"/>
              <a:gd name="connsiteX3377" fmla="*/ 1885224 w 6858000"/>
              <a:gd name="connsiteY3377" fmla="*/ 2771438 h 6858000"/>
              <a:gd name="connsiteX3378" fmla="*/ 1914776 w 6858000"/>
              <a:gd name="connsiteY3378" fmla="*/ 2771438 h 6858000"/>
              <a:gd name="connsiteX3379" fmla="*/ 1914776 w 6858000"/>
              <a:gd name="connsiteY3379" fmla="*/ 2741887 h 6858000"/>
              <a:gd name="connsiteX3380" fmla="*/ 1759760 w 6858000"/>
              <a:gd name="connsiteY3380" fmla="*/ 2739516 h 6858000"/>
              <a:gd name="connsiteX3381" fmla="*/ 1759760 w 6858000"/>
              <a:gd name="connsiteY3381" fmla="*/ 2773845 h 6858000"/>
              <a:gd name="connsiteX3382" fmla="*/ 1794089 w 6858000"/>
              <a:gd name="connsiteY3382" fmla="*/ 2773845 h 6858000"/>
              <a:gd name="connsiteX3383" fmla="*/ 1794089 w 6858000"/>
              <a:gd name="connsiteY3383" fmla="*/ 2739516 h 6858000"/>
              <a:gd name="connsiteX3384" fmla="*/ 1634740 w 6858000"/>
              <a:gd name="connsiteY3384" fmla="*/ 2737553 h 6858000"/>
              <a:gd name="connsiteX3385" fmla="*/ 1634740 w 6858000"/>
              <a:gd name="connsiteY3385" fmla="*/ 2775770 h 6858000"/>
              <a:gd name="connsiteX3386" fmla="*/ 1672957 w 6858000"/>
              <a:gd name="connsiteY3386" fmla="*/ 2775770 h 6858000"/>
              <a:gd name="connsiteX3387" fmla="*/ 1672957 w 6858000"/>
              <a:gd name="connsiteY3387" fmla="*/ 2737553 h 6858000"/>
              <a:gd name="connsiteX3388" fmla="*/ 1509498 w 6858000"/>
              <a:gd name="connsiteY3388" fmla="*/ 2735406 h 6858000"/>
              <a:gd name="connsiteX3389" fmla="*/ 1509498 w 6858000"/>
              <a:gd name="connsiteY3389" fmla="*/ 2777955 h 6858000"/>
              <a:gd name="connsiteX3390" fmla="*/ 1552048 w 6858000"/>
              <a:gd name="connsiteY3390" fmla="*/ 2777955 h 6858000"/>
              <a:gd name="connsiteX3391" fmla="*/ 1552048 w 6858000"/>
              <a:gd name="connsiteY3391" fmla="*/ 2735406 h 6858000"/>
              <a:gd name="connsiteX3392" fmla="*/ 1384293 w 6858000"/>
              <a:gd name="connsiteY3392" fmla="*/ 2733220 h 6858000"/>
              <a:gd name="connsiteX3393" fmla="*/ 1384293 w 6858000"/>
              <a:gd name="connsiteY3393" fmla="*/ 2780140 h 6858000"/>
              <a:gd name="connsiteX3394" fmla="*/ 1431213 w 6858000"/>
              <a:gd name="connsiteY3394" fmla="*/ 2780140 h 6858000"/>
              <a:gd name="connsiteX3395" fmla="*/ 1431213 w 6858000"/>
              <a:gd name="connsiteY3395" fmla="*/ 2733220 h 6858000"/>
              <a:gd name="connsiteX3396" fmla="*/ 1259050 w 6858000"/>
              <a:gd name="connsiteY3396" fmla="*/ 2731036 h 6858000"/>
              <a:gd name="connsiteX3397" fmla="*/ 1259050 w 6858000"/>
              <a:gd name="connsiteY3397" fmla="*/ 2782288 h 6858000"/>
              <a:gd name="connsiteX3398" fmla="*/ 1310302 w 6858000"/>
              <a:gd name="connsiteY3398" fmla="*/ 2782288 h 6858000"/>
              <a:gd name="connsiteX3399" fmla="*/ 1310302 w 6858000"/>
              <a:gd name="connsiteY3399" fmla="*/ 2731036 h 6858000"/>
              <a:gd name="connsiteX3400" fmla="*/ 1134030 w 6858000"/>
              <a:gd name="connsiteY3400" fmla="*/ 2729073 h 6858000"/>
              <a:gd name="connsiteX3401" fmla="*/ 1134030 w 6858000"/>
              <a:gd name="connsiteY3401" fmla="*/ 2784251 h 6858000"/>
              <a:gd name="connsiteX3402" fmla="*/ 1189208 w 6858000"/>
              <a:gd name="connsiteY3402" fmla="*/ 2784251 h 6858000"/>
              <a:gd name="connsiteX3403" fmla="*/ 1189208 w 6858000"/>
              <a:gd name="connsiteY3403" fmla="*/ 2729073 h 6858000"/>
              <a:gd name="connsiteX3404" fmla="*/ 1009232 w 6858000"/>
              <a:gd name="connsiteY3404" fmla="*/ 2727369 h 6858000"/>
              <a:gd name="connsiteX3405" fmla="*/ 1009232 w 6858000"/>
              <a:gd name="connsiteY3405" fmla="*/ 2785991 h 6858000"/>
              <a:gd name="connsiteX3406" fmla="*/ 1067854 w 6858000"/>
              <a:gd name="connsiteY3406" fmla="*/ 2785991 h 6858000"/>
              <a:gd name="connsiteX3407" fmla="*/ 1067854 w 6858000"/>
              <a:gd name="connsiteY3407" fmla="*/ 2727369 h 6858000"/>
              <a:gd name="connsiteX3408" fmla="*/ 884657 w 6858000"/>
              <a:gd name="connsiteY3408" fmla="*/ 2725852 h 6858000"/>
              <a:gd name="connsiteX3409" fmla="*/ 884657 w 6858000"/>
              <a:gd name="connsiteY3409" fmla="*/ 2787510 h 6858000"/>
              <a:gd name="connsiteX3410" fmla="*/ 946315 w 6858000"/>
              <a:gd name="connsiteY3410" fmla="*/ 2787510 h 6858000"/>
              <a:gd name="connsiteX3411" fmla="*/ 946315 w 6858000"/>
              <a:gd name="connsiteY3411" fmla="*/ 2725852 h 6858000"/>
              <a:gd name="connsiteX3412" fmla="*/ 760081 w 6858000"/>
              <a:gd name="connsiteY3412" fmla="*/ 2724296 h 6858000"/>
              <a:gd name="connsiteX3413" fmla="*/ 760081 w 6858000"/>
              <a:gd name="connsiteY3413" fmla="*/ 2789028 h 6858000"/>
              <a:gd name="connsiteX3414" fmla="*/ 824813 w 6858000"/>
              <a:gd name="connsiteY3414" fmla="*/ 2789028 h 6858000"/>
              <a:gd name="connsiteX3415" fmla="*/ 824813 w 6858000"/>
              <a:gd name="connsiteY3415" fmla="*/ 2724296 h 6858000"/>
              <a:gd name="connsiteX3416" fmla="*/ 635728 w 6858000"/>
              <a:gd name="connsiteY3416" fmla="*/ 2723000 h 6858000"/>
              <a:gd name="connsiteX3417" fmla="*/ 635728 w 6858000"/>
              <a:gd name="connsiteY3417" fmla="*/ 2790324 h 6858000"/>
              <a:gd name="connsiteX3418" fmla="*/ 703052 w 6858000"/>
              <a:gd name="connsiteY3418" fmla="*/ 2790324 h 6858000"/>
              <a:gd name="connsiteX3419" fmla="*/ 703052 w 6858000"/>
              <a:gd name="connsiteY3419" fmla="*/ 2723000 h 6858000"/>
              <a:gd name="connsiteX3420" fmla="*/ 511559 w 6858000"/>
              <a:gd name="connsiteY3420" fmla="*/ 2721926 h 6858000"/>
              <a:gd name="connsiteX3421" fmla="*/ 511559 w 6858000"/>
              <a:gd name="connsiteY3421" fmla="*/ 2791435 h 6858000"/>
              <a:gd name="connsiteX3422" fmla="*/ 581068 w 6858000"/>
              <a:gd name="connsiteY3422" fmla="*/ 2791435 h 6858000"/>
              <a:gd name="connsiteX3423" fmla="*/ 581068 w 6858000"/>
              <a:gd name="connsiteY3423" fmla="*/ 2721926 h 6858000"/>
              <a:gd name="connsiteX3424" fmla="*/ 387650 w 6858000"/>
              <a:gd name="connsiteY3424" fmla="*/ 2721075 h 6858000"/>
              <a:gd name="connsiteX3425" fmla="*/ 387650 w 6858000"/>
              <a:gd name="connsiteY3425" fmla="*/ 2792287 h 6858000"/>
              <a:gd name="connsiteX3426" fmla="*/ 458863 w 6858000"/>
              <a:gd name="connsiteY3426" fmla="*/ 2792287 h 6858000"/>
              <a:gd name="connsiteX3427" fmla="*/ 458863 w 6858000"/>
              <a:gd name="connsiteY3427" fmla="*/ 2721075 h 6858000"/>
              <a:gd name="connsiteX3428" fmla="*/ 18034 w 6858000"/>
              <a:gd name="connsiteY3428" fmla="*/ 2720630 h 6858000"/>
              <a:gd name="connsiteX3429" fmla="*/ 18034 w 6858000"/>
              <a:gd name="connsiteY3429" fmla="*/ 2792731 h 6858000"/>
              <a:gd name="connsiteX3430" fmla="*/ 90135 w 6858000"/>
              <a:gd name="connsiteY3430" fmla="*/ 2792731 h 6858000"/>
              <a:gd name="connsiteX3431" fmla="*/ 90135 w 6858000"/>
              <a:gd name="connsiteY3431" fmla="*/ 2720630 h 6858000"/>
              <a:gd name="connsiteX3432" fmla="*/ 263927 w 6858000"/>
              <a:gd name="connsiteY3432" fmla="*/ 2720407 h 6858000"/>
              <a:gd name="connsiteX3433" fmla="*/ 263927 w 6858000"/>
              <a:gd name="connsiteY3433" fmla="*/ 2792953 h 6858000"/>
              <a:gd name="connsiteX3434" fmla="*/ 336473 w 6858000"/>
              <a:gd name="connsiteY3434" fmla="*/ 2792953 h 6858000"/>
              <a:gd name="connsiteX3435" fmla="*/ 336473 w 6858000"/>
              <a:gd name="connsiteY3435" fmla="*/ 2720407 h 6858000"/>
              <a:gd name="connsiteX3436" fmla="*/ 140425 w 6858000"/>
              <a:gd name="connsiteY3436" fmla="*/ 2719964 h 6858000"/>
              <a:gd name="connsiteX3437" fmla="*/ 140425 w 6858000"/>
              <a:gd name="connsiteY3437" fmla="*/ 2793361 h 6858000"/>
              <a:gd name="connsiteX3438" fmla="*/ 213822 w 6858000"/>
              <a:gd name="connsiteY3438" fmla="*/ 2793361 h 6858000"/>
              <a:gd name="connsiteX3439" fmla="*/ 213822 w 6858000"/>
              <a:gd name="connsiteY3439" fmla="*/ 2719964 h 6858000"/>
              <a:gd name="connsiteX3440" fmla="*/ 4114847 w 6858000"/>
              <a:gd name="connsiteY3440" fmla="*/ 2633383 h 6858000"/>
              <a:gd name="connsiteX3441" fmla="*/ 4114847 w 6858000"/>
              <a:gd name="connsiteY3441" fmla="*/ 2633827 h 6858000"/>
              <a:gd name="connsiteX3442" fmla="*/ 4115291 w 6858000"/>
              <a:gd name="connsiteY3442" fmla="*/ 2633827 h 6858000"/>
              <a:gd name="connsiteX3443" fmla="*/ 4115291 w 6858000"/>
              <a:gd name="connsiteY3443" fmla="*/ 2633383 h 6858000"/>
              <a:gd name="connsiteX3444" fmla="*/ 3991789 w 6858000"/>
              <a:gd name="connsiteY3444" fmla="*/ 2633383 h 6858000"/>
              <a:gd name="connsiteX3445" fmla="*/ 3991789 w 6858000"/>
              <a:gd name="connsiteY3445" fmla="*/ 2633827 h 6858000"/>
              <a:gd name="connsiteX3446" fmla="*/ 3992234 w 6858000"/>
              <a:gd name="connsiteY3446" fmla="*/ 2633827 h 6858000"/>
              <a:gd name="connsiteX3447" fmla="*/ 3992234 w 6858000"/>
              <a:gd name="connsiteY3447" fmla="*/ 2633383 h 6858000"/>
              <a:gd name="connsiteX3448" fmla="*/ 3868732 w 6858000"/>
              <a:gd name="connsiteY3448" fmla="*/ 2633383 h 6858000"/>
              <a:gd name="connsiteX3449" fmla="*/ 3868732 w 6858000"/>
              <a:gd name="connsiteY3449" fmla="*/ 2633827 h 6858000"/>
              <a:gd name="connsiteX3450" fmla="*/ 3869176 w 6858000"/>
              <a:gd name="connsiteY3450" fmla="*/ 2633827 h 6858000"/>
              <a:gd name="connsiteX3451" fmla="*/ 3869176 w 6858000"/>
              <a:gd name="connsiteY3451" fmla="*/ 2633383 h 6858000"/>
              <a:gd name="connsiteX3452" fmla="*/ 3745675 w 6858000"/>
              <a:gd name="connsiteY3452" fmla="*/ 2633383 h 6858000"/>
              <a:gd name="connsiteX3453" fmla="*/ 3745675 w 6858000"/>
              <a:gd name="connsiteY3453" fmla="*/ 2633827 h 6858000"/>
              <a:gd name="connsiteX3454" fmla="*/ 3746119 w 6858000"/>
              <a:gd name="connsiteY3454" fmla="*/ 2633827 h 6858000"/>
              <a:gd name="connsiteX3455" fmla="*/ 3746119 w 6858000"/>
              <a:gd name="connsiteY3455" fmla="*/ 2633383 h 6858000"/>
              <a:gd name="connsiteX3456" fmla="*/ 3622617 w 6858000"/>
              <a:gd name="connsiteY3456" fmla="*/ 2633383 h 6858000"/>
              <a:gd name="connsiteX3457" fmla="*/ 3622617 w 6858000"/>
              <a:gd name="connsiteY3457" fmla="*/ 2633827 h 6858000"/>
              <a:gd name="connsiteX3458" fmla="*/ 3623061 w 6858000"/>
              <a:gd name="connsiteY3458" fmla="*/ 2633827 h 6858000"/>
              <a:gd name="connsiteX3459" fmla="*/ 3623061 w 6858000"/>
              <a:gd name="connsiteY3459" fmla="*/ 2633383 h 6858000"/>
              <a:gd name="connsiteX3460" fmla="*/ 3499338 w 6858000"/>
              <a:gd name="connsiteY3460" fmla="*/ 2633197 h 6858000"/>
              <a:gd name="connsiteX3461" fmla="*/ 3499338 w 6858000"/>
              <a:gd name="connsiteY3461" fmla="*/ 2634049 h 6858000"/>
              <a:gd name="connsiteX3462" fmla="*/ 3500190 w 6858000"/>
              <a:gd name="connsiteY3462" fmla="*/ 2634049 h 6858000"/>
              <a:gd name="connsiteX3463" fmla="*/ 3500190 w 6858000"/>
              <a:gd name="connsiteY3463" fmla="*/ 2633197 h 6858000"/>
              <a:gd name="connsiteX3464" fmla="*/ 3376058 w 6858000"/>
              <a:gd name="connsiteY3464" fmla="*/ 2632976 h 6858000"/>
              <a:gd name="connsiteX3465" fmla="*/ 3376058 w 6858000"/>
              <a:gd name="connsiteY3465" fmla="*/ 2634271 h 6858000"/>
              <a:gd name="connsiteX3466" fmla="*/ 3377354 w 6858000"/>
              <a:gd name="connsiteY3466" fmla="*/ 2634271 h 6858000"/>
              <a:gd name="connsiteX3467" fmla="*/ 3377354 w 6858000"/>
              <a:gd name="connsiteY3467" fmla="*/ 2632976 h 6858000"/>
              <a:gd name="connsiteX3468" fmla="*/ 3252779 w 6858000"/>
              <a:gd name="connsiteY3468" fmla="*/ 2632753 h 6858000"/>
              <a:gd name="connsiteX3469" fmla="*/ 3252779 w 6858000"/>
              <a:gd name="connsiteY3469" fmla="*/ 2634494 h 6858000"/>
              <a:gd name="connsiteX3470" fmla="*/ 3254519 w 6858000"/>
              <a:gd name="connsiteY3470" fmla="*/ 2634494 h 6858000"/>
              <a:gd name="connsiteX3471" fmla="*/ 3254519 w 6858000"/>
              <a:gd name="connsiteY3471" fmla="*/ 2632753 h 6858000"/>
              <a:gd name="connsiteX3472" fmla="*/ 3129277 w 6858000"/>
              <a:gd name="connsiteY3472" fmla="*/ 2632309 h 6858000"/>
              <a:gd name="connsiteX3473" fmla="*/ 3129277 w 6858000"/>
              <a:gd name="connsiteY3473" fmla="*/ 2634901 h 6858000"/>
              <a:gd name="connsiteX3474" fmla="*/ 3131869 w 6858000"/>
              <a:gd name="connsiteY3474" fmla="*/ 2634901 h 6858000"/>
              <a:gd name="connsiteX3475" fmla="*/ 3131869 w 6858000"/>
              <a:gd name="connsiteY3475" fmla="*/ 2632309 h 6858000"/>
              <a:gd name="connsiteX3476" fmla="*/ 3005776 w 6858000"/>
              <a:gd name="connsiteY3476" fmla="*/ 2631865 h 6858000"/>
              <a:gd name="connsiteX3477" fmla="*/ 3005776 w 6858000"/>
              <a:gd name="connsiteY3477" fmla="*/ 2635345 h 6858000"/>
              <a:gd name="connsiteX3478" fmla="*/ 3009257 w 6858000"/>
              <a:gd name="connsiteY3478" fmla="*/ 2635345 h 6858000"/>
              <a:gd name="connsiteX3479" fmla="*/ 3009257 w 6858000"/>
              <a:gd name="connsiteY3479" fmla="*/ 2631865 h 6858000"/>
              <a:gd name="connsiteX3480" fmla="*/ 2882052 w 6858000"/>
              <a:gd name="connsiteY3480" fmla="*/ 2631235 h 6858000"/>
              <a:gd name="connsiteX3481" fmla="*/ 2882052 w 6858000"/>
              <a:gd name="connsiteY3481" fmla="*/ 2636012 h 6858000"/>
              <a:gd name="connsiteX3482" fmla="*/ 2886829 w 6858000"/>
              <a:gd name="connsiteY3482" fmla="*/ 2636012 h 6858000"/>
              <a:gd name="connsiteX3483" fmla="*/ 2886829 w 6858000"/>
              <a:gd name="connsiteY3483" fmla="*/ 2631235 h 6858000"/>
              <a:gd name="connsiteX3484" fmla="*/ 2757920 w 6858000"/>
              <a:gd name="connsiteY3484" fmla="*/ 2630125 h 6858000"/>
              <a:gd name="connsiteX3485" fmla="*/ 2757920 w 6858000"/>
              <a:gd name="connsiteY3485" fmla="*/ 2637086 h 6858000"/>
              <a:gd name="connsiteX3486" fmla="*/ 2764882 w 6858000"/>
              <a:gd name="connsiteY3486" fmla="*/ 2637086 h 6858000"/>
              <a:gd name="connsiteX3487" fmla="*/ 2764882 w 6858000"/>
              <a:gd name="connsiteY3487" fmla="*/ 2630125 h 6858000"/>
              <a:gd name="connsiteX3488" fmla="*/ 2633789 w 6858000"/>
              <a:gd name="connsiteY3488" fmla="*/ 2629050 h 6858000"/>
              <a:gd name="connsiteX3489" fmla="*/ 2633789 w 6858000"/>
              <a:gd name="connsiteY3489" fmla="*/ 2638159 h 6858000"/>
              <a:gd name="connsiteX3490" fmla="*/ 2642899 w 6858000"/>
              <a:gd name="connsiteY3490" fmla="*/ 2638159 h 6858000"/>
              <a:gd name="connsiteX3491" fmla="*/ 2642899 w 6858000"/>
              <a:gd name="connsiteY3491" fmla="*/ 2629050 h 6858000"/>
              <a:gd name="connsiteX3492" fmla="*/ 2509399 w 6858000"/>
              <a:gd name="connsiteY3492" fmla="*/ 2627754 h 6858000"/>
              <a:gd name="connsiteX3493" fmla="*/ 2509399 w 6858000"/>
              <a:gd name="connsiteY3493" fmla="*/ 2639493 h 6858000"/>
              <a:gd name="connsiteX3494" fmla="*/ 2521138 w 6858000"/>
              <a:gd name="connsiteY3494" fmla="*/ 2639493 h 6858000"/>
              <a:gd name="connsiteX3495" fmla="*/ 2521138 w 6858000"/>
              <a:gd name="connsiteY3495" fmla="*/ 2627754 h 6858000"/>
              <a:gd name="connsiteX3496" fmla="*/ 2384823 w 6858000"/>
              <a:gd name="connsiteY3496" fmla="*/ 2626236 h 6858000"/>
              <a:gd name="connsiteX3497" fmla="*/ 2384823 w 6858000"/>
              <a:gd name="connsiteY3497" fmla="*/ 2641011 h 6858000"/>
              <a:gd name="connsiteX3498" fmla="*/ 2399599 w 6858000"/>
              <a:gd name="connsiteY3498" fmla="*/ 2641011 h 6858000"/>
              <a:gd name="connsiteX3499" fmla="*/ 2399599 w 6858000"/>
              <a:gd name="connsiteY3499" fmla="*/ 2626236 h 6858000"/>
              <a:gd name="connsiteX3500" fmla="*/ 2260025 w 6858000"/>
              <a:gd name="connsiteY3500" fmla="*/ 2624494 h 6858000"/>
              <a:gd name="connsiteX3501" fmla="*/ 2260025 w 6858000"/>
              <a:gd name="connsiteY3501" fmla="*/ 2642751 h 6858000"/>
              <a:gd name="connsiteX3502" fmla="*/ 2278282 w 6858000"/>
              <a:gd name="connsiteY3502" fmla="*/ 2642751 h 6858000"/>
              <a:gd name="connsiteX3503" fmla="*/ 2278282 w 6858000"/>
              <a:gd name="connsiteY3503" fmla="*/ 2624494 h 6858000"/>
              <a:gd name="connsiteX3504" fmla="*/ 2135005 w 6858000"/>
              <a:gd name="connsiteY3504" fmla="*/ 2622532 h 6858000"/>
              <a:gd name="connsiteX3505" fmla="*/ 2135005 w 6858000"/>
              <a:gd name="connsiteY3505" fmla="*/ 2644677 h 6858000"/>
              <a:gd name="connsiteX3506" fmla="*/ 2157150 w 6858000"/>
              <a:gd name="connsiteY3506" fmla="*/ 2644677 h 6858000"/>
              <a:gd name="connsiteX3507" fmla="*/ 2157150 w 6858000"/>
              <a:gd name="connsiteY3507" fmla="*/ 2622532 h 6858000"/>
              <a:gd name="connsiteX3508" fmla="*/ 2009800 w 6858000"/>
              <a:gd name="connsiteY3508" fmla="*/ 2620384 h 6858000"/>
              <a:gd name="connsiteX3509" fmla="*/ 2009800 w 6858000"/>
              <a:gd name="connsiteY3509" fmla="*/ 2646862 h 6858000"/>
              <a:gd name="connsiteX3510" fmla="*/ 2036278 w 6858000"/>
              <a:gd name="connsiteY3510" fmla="*/ 2646862 h 6858000"/>
              <a:gd name="connsiteX3511" fmla="*/ 2036278 w 6858000"/>
              <a:gd name="connsiteY3511" fmla="*/ 2620384 h 6858000"/>
              <a:gd name="connsiteX3512" fmla="*/ 1884336 w 6858000"/>
              <a:gd name="connsiteY3512" fmla="*/ 2617977 h 6858000"/>
              <a:gd name="connsiteX3513" fmla="*/ 1884336 w 6858000"/>
              <a:gd name="connsiteY3513" fmla="*/ 2649232 h 6858000"/>
              <a:gd name="connsiteX3514" fmla="*/ 1915591 w 6858000"/>
              <a:gd name="connsiteY3514" fmla="*/ 2649232 h 6858000"/>
              <a:gd name="connsiteX3515" fmla="*/ 1915591 w 6858000"/>
              <a:gd name="connsiteY3515" fmla="*/ 2617977 h 6858000"/>
              <a:gd name="connsiteX3516" fmla="*/ 1758908 w 6858000"/>
              <a:gd name="connsiteY3516" fmla="*/ 2615607 h 6858000"/>
              <a:gd name="connsiteX3517" fmla="*/ 1758908 w 6858000"/>
              <a:gd name="connsiteY3517" fmla="*/ 2651639 h 6858000"/>
              <a:gd name="connsiteX3518" fmla="*/ 1794940 w 6858000"/>
              <a:gd name="connsiteY3518" fmla="*/ 2651639 h 6858000"/>
              <a:gd name="connsiteX3519" fmla="*/ 1794940 w 6858000"/>
              <a:gd name="connsiteY3519" fmla="*/ 2615607 h 6858000"/>
              <a:gd name="connsiteX3520" fmla="*/ 1633444 w 6858000"/>
              <a:gd name="connsiteY3520" fmla="*/ 2613200 h 6858000"/>
              <a:gd name="connsiteX3521" fmla="*/ 1633444 w 6858000"/>
              <a:gd name="connsiteY3521" fmla="*/ 2654009 h 6858000"/>
              <a:gd name="connsiteX3522" fmla="*/ 1674253 w 6858000"/>
              <a:gd name="connsiteY3522" fmla="*/ 2654009 h 6858000"/>
              <a:gd name="connsiteX3523" fmla="*/ 1674253 w 6858000"/>
              <a:gd name="connsiteY3523" fmla="*/ 2613200 h 6858000"/>
              <a:gd name="connsiteX3524" fmla="*/ 1507979 w 6858000"/>
              <a:gd name="connsiteY3524" fmla="*/ 2610830 h 6858000"/>
              <a:gd name="connsiteX3525" fmla="*/ 1507979 w 6858000"/>
              <a:gd name="connsiteY3525" fmla="*/ 2656416 h 6858000"/>
              <a:gd name="connsiteX3526" fmla="*/ 1553565 w 6858000"/>
              <a:gd name="connsiteY3526" fmla="*/ 2656416 h 6858000"/>
              <a:gd name="connsiteX3527" fmla="*/ 1553565 w 6858000"/>
              <a:gd name="connsiteY3527" fmla="*/ 2610830 h 6858000"/>
              <a:gd name="connsiteX3528" fmla="*/ 1382774 w 6858000"/>
              <a:gd name="connsiteY3528" fmla="*/ 2608645 h 6858000"/>
              <a:gd name="connsiteX3529" fmla="*/ 1382774 w 6858000"/>
              <a:gd name="connsiteY3529" fmla="*/ 2658601 h 6858000"/>
              <a:gd name="connsiteX3530" fmla="*/ 1432730 w 6858000"/>
              <a:gd name="connsiteY3530" fmla="*/ 2658601 h 6858000"/>
              <a:gd name="connsiteX3531" fmla="*/ 1432730 w 6858000"/>
              <a:gd name="connsiteY3531" fmla="*/ 2608645 h 6858000"/>
              <a:gd name="connsiteX3532" fmla="*/ 1257532 w 6858000"/>
              <a:gd name="connsiteY3532" fmla="*/ 2606460 h 6858000"/>
              <a:gd name="connsiteX3533" fmla="*/ 1257532 w 6858000"/>
              <a:gd name="connsiteY3533" fmla="*/ 2660749 h 6858000"/>
              <a:gd name="connsiteX3534" fmla="*/ 1311821 w 6858000"/>
              <a:gd name="connsiteY3534" fmla="*/ 2660749 h 6858000"/>
              <a:gd name="connsiteX3535" fmla="*/ 1311821 w 6858000"/>
              <a:gd name="connsiteY3535" fmla="*/ 2606460 h 6858000"/>
              <a:gd name="connsiteX3536" fmla="*/ 1132290 w 6858000"/>
              <a:gd name="connsiteY3536" fmla="*/ 2604312 h 6858000"/>
              <a:gd name="connsiteX3537" fmla="*/ 1132290 w 6858000"/>
              <a:gd name="connsiteY3537" fmla="*/ 2662934 h 6858000"/>
              <a:gd name="connsiteX3538" fmla="*/ 1190912 w 6858000"/>
              <a:gd name="connsiteY3538" fmla="*/ 2662934 h 6858000"/>
              <a:gd name="connsiteX3539" fmla="*/ 1190912 w 6858000"/>
              <a:gd name="connsiteY3539" fmla="*/ 2604312 h 6858000"/>
              <a:gd name="connsiteX3540" fmla="*/ 1007270 w 6858000"/>
              <a:gd name="connsiteY3540" fmla="*/ 2602350 h 6858000"/>
              <a:gd name="connsiteX3541" fmla="*/ 1007270 w 6858000"/>
              <a:gd name="connsiteY3541" fmla="*/ 2664897 h 6858000"/>
              <a:gd name="connsiteX3542" fmla="*/ 1069817 w 6858000"/>
              <a:gd name="connsiteY3542" fmla="*/ 2664897 h 6858000"/>
              <a:gd name="connsiteX3543" fmla="*/ 1069817 w 6858000"/>
              <a:gd name="connsiteY3543" fmla="*/ 2602350 h 6858000"/>
              <a:gd name="connsiteX3544" fmla="*/ 882472 w 6858000"/>
              <a:gd name="connsiteY3544" fmla="*/ 2600609 h 6858000"/>
              <a:gd name="connsiteX3545" fmla="*/ 882472 w 6858000"/>
              <a:gd name="connsiteY3545" fmla="*/ 2666637 h 6858000"/>
              <a:gd name="connsiteX3546" fmla="*/ 948500 w 6858000"/>
              <a:gd name="connsiteY3546" fmla="*/ 2666637 h 6858000"/>
              <a:gd name="connsiteX3547" fmla="*/ 948500 w 6858000"/>
              <a:gd name="connsiteY3547" fmla="*/ 2600609 h 6858000"/>
              <a:gd name="connsiteX3548" fmla="*/ 757674 w 6858000"/>
              <a:gd name="connsiteY3548" fmla="*/ 2598832 h 6858000"/>
              <a:gd name="connsiteX3549" fmla="*/ 757674 w 6858000"/>
              <a:gd name="connsiteY3549" fmla="*/ 2668341 h 6858000"/>
              <a:gd name="connsiteX3550" fmla="*/ 827183 w 6858000"/>
              <a:gd name="connsiteY3550" fmla="*/ 2668341 h 6858000"/>
              <a:gd name="connsiteX3551" fmla="*/ 827183 w 6858000"/>
              <a:gd name="connsiteY3551" fmla="*/ 2598832 h 6858000"/>
              <a:gd name="connsiteX3552" fmla="*/ 633321 w 6858000"/>
              <a:gd name="connsiteY3552" fmla="*/ 2597573 h 6858000"/>
              <a:gd name="connsiteX3553" fmla="*/ 633321 w 6858000"/>
              <a:gd name="connsiteY3553" fmla="*/ 2669674 h 6858000"/>
              <a:gd name="connsiteX3554" fmla="*/ 705422 w 6858000"/>
              <a:gd name="connsiteY3554" fmla="*/ 2669674 h 6858000"/>
              <a:gd name="connsiteX3555" fmla="*/ 705422 w 6858000"/>
              <a:gd name="connsiteY3555" fmla="*/ 2597573 h 6858000"/>
              <a:gd name="connsiteX3556" fmla="*/ 509189 w 6858000"/>
              <a:gd name="connsiteY3556" fmla="*/ 2596462 h 6858000"/>
              <a:gd name="connsiteX3557" fmla="*/ 509189 w 6858000"/>
              <a:gd name="connsiteY3557" fmla="*/ 2670748 h 6858000"/>
              <a:gd name="connsiteX3558" fmla="*/ 583475 w 6858000"/>
              <a:gd name="connsiteY3558" fmla="*/ 2670748 h 6858000"/>
              <a:gd name="connsiteX3559" fmla="*/ 583475 w 6858000"/>
              <a:gd name="connsiteY3559" fmla="*/ 2596462 h 6858000"/>
              <a:gd name="connsiteX3560" fmla="*/ 385243 w 6858000"/>
              <a:gd name="connsiteY3560" fmla="*/ 2595609 h 6858000"/>
              <a:gd name="connsiteX3561" fmla="*/ 385243 w 6858000"/>
              <a:gd name="connsiteY3561" fmla="*/ 2671599 h 6858000"/>
              <a:gd name="connsiteX3562" fmla="*/ 461233 w 6858000"/>
              <a:gd name="connsiteY3562" fmla="*/ 2671599 h 6858000"/>
              <a:gd name="connsiteX3563" fmla="*/ 461233 w 6858000"/>
              <a:gd name="connsiteY3563" fmla="*/ 2595609 h 6858000"/>
              <a:gd name="connsiteX3564" fmla="*/ 15627 w 6858000"/>
              <a:gd name="connsiteY3564" fmla="*/ 2595165 h 6858000"/>
              <a:gd name="connsiteX3565" fmla="*/ 15627 w 6858000"/>
              <a:gd name="connsiteY3565" fmla="*/ 2672044 h 6858000"/>
              <a:gd name="connsiteX3566" fmla="*/ 92505 w 6858000"/>
              <a:gd name="connsiteY3566" fmla="*/ 2672044 h 6858000"/>
              <a:gd name="connsiteX3567" fmla="*/ 92505 w 6858000"/>
              <a:gd name="connsiteY3567" fmla="*/ 2595165 h 6858000"/>
              <a:gd name="connsiteX3568" fmla="*/ 261556 w 6858000"/>
              <a:gd name="connsiteY3568" fmla="*/ 2594943 h 6858000"/>
              <a:gd name="connsiteX3569" fmla="*/ 261556 w 6858000"/>
              <a:gd name="connsiteY3569" fmla="*/ 2672266 h 6858000"/>
              <a:gd name="connsiteX3570" fmla="*/ 338879 w 6858000"/>
              <a:gd name="connsiteY3570" fmla="*/ 2672266 h 6858000"/>
              <a:gd name="connsiteX3571" fmla="*/ 338879 w 6858000"/>
              <a:gd name="connsiteY3571" fmla="*/ 2594943 h 6858000"/>
              <a:gd name="connsiteX3572" fmla="*/ 137833 w 6858000"/>
              <a:gd name="connsiteY3572" fmla="*/ 2594314 h 6858000"/>
              <a:gd name="connsiteX3573" fmla="*/ 137833 w 6858000"/>
              <a:gd name="connsiteY3573" fmla="*/ 2672933 h 6858000"/>
              <a:gd name="connsiteX3574" fmla="*/ 216452 w 6858000"/>
              <a:gd name="connsiteY3574" fmla="*/ 2672933 h 6858000"/>
              <a:gd name="connsiteX3575" fmla="*/ 216452 w 6858000"/>
              <a:gd name="connsiteY3575" fmla="*/ 2594314 h 6858000"/>
              <a:gd name="connsiteX3576" fmla="*/ 3991789 w 6858000"/>
              <a:gd name="connsiteY3576" fmla="*/ 2510325 h 6858000"/>
              <a:gd name="connsiteX3577" fmla="*/ 3991789 w 6858000"/>
              <a:gd name="connsiteY3577" fmla="*/ 2510770 h 6858000"/>
              <a:gd name="connsiteX3578" fmla="*/ 3992234 w 6858000"/>
              <a:gd name="connsiteY3578" fmla="*/ 2510770 h 6858000"/>
              <a:gd name="connsiteX3579" fmla="*/ 3992234 w 6858000"/>
              <a:gd name="connsiteY3579" fmla="*/ 2510325 h 6858000"/>
              <a:gd name="connsiteX3580" fmla="*/ 3868732 w 6858000"/>
              <a:gd name="connsiteY3580" fmla="*/ 2510325 h 6858000"/>
              <a:gd name="connsiteX3581" fmla="*/ 3868732 w 6858000"/>
              <a:gd name="connsiteY3581" fmla="*/ 2510770 h 6858000"/>
              <a:gd name="connsiteX3582" fmla="*/ 3869176 w 6858000"/>
              <a:gd name="connsiteY3582" fmla="*/ 2510770 h 6858000"/>
              <a:gd name="connsiteX3583" fmla="*/ 3869176 w 6858000"/>
              <a:gd name="connsiteY3583" fmla="*/ 2510325 h 6858000"/>
              <a:gd name="connsiteX3584" fmla="*/ 3745675 w 6858000"/>
              <a:gd name="connsiteY3584" fmla="*/ 2510325 h 6858000"/>
              <a:gd name="connsiteX3585" fmla="*/ 3745675 w 6858000"/>
              <a:gd name="connsiteY3585" fmla="*/ 2510770 h 6858000"/>
              <a:gd name="connsiteX3586" fmla="*/ 3746119 w 6858000"/>
              <a:gd name="connsiteY3586" fmla="*/ 2510770 h 6858000"/>
              <a:gd name="connsiteX3587" fmla="*/ 3746119 w 6858000"/>
              <a:gd name="connsiteY3587" fmla="*/ 2510325 h 6858000"/>
              <a:gd name="connsiteX3588" fmla="*/ 3622617 w 6858000"/>
              <a:gd name="connsiteY3588" fmla="*/ 2510325 h 6858000"/>
              <a:gd name="connsiteX3589" fmla="*/ 3622617 w 6858000"/>
              <a:gd name="connsiteY3589" fmla="*/ 2510770 h 6858000"/>
              <a:gd name="connsiteX3590" fmla="*/ 3623061 w 6858000"/>
              <a:gd name="connsiteY3590" fmla="*/ 2510770 h 6858000"/>
              <a:gd name="connsiteX3591" fmla="*/ 3623061 w 6858000"/>
              <a:gd name="connsiteY3591" fmla="*/ 2510325 h 6858000"/>
              <a:gd name="connsiteX3592" fmla="*/ 3499523 w 6858000"/>
              <a:gd name="connsiteY3592" fmla="*/ 2510325 h 6858000"/>
              <a:gd name="connsiteX3593" fmla="*/ 3499523 w 6858000"/>
              <a:gd name="connsiteY3593" fmla="*/ 2510770 h 6858000"/>
              <a:gd name="connsiteX3594" fmla="*/ 3499967 w 6858000"/>
              <a:gd name="connsiteY3594" fmla="*/ 2510770 h 6858000"/>
              <a:gd name="connsiteX3595" fmla="*/ 3499967 w 6858000"/>
              <a:gd name="connsiteY3595" fmla="*/ 2510325 h 6858000"/>
              <a:gd name="connsiteX3596" fmla="*/ 3376281 w 6858000"/>
              <a:gd name="connsiteY3596" fmla="*/ 2510140 h 6858000"/>
              <a:gd name="connsiteX3597" fmla="*/ 3376281 w 6858000"/>
              <a:gd name="connsiteY3597" fmla="*/ 2510993 h 6858000"/>
              <a:gd name="connsiteX3598" fmla="*/ 3377133 w 6858000"/>
              <a:gd name="connsiteY3598" fmla="*/ 2510993 h 6858000"/>
              <a:gd name="connsiteX3599" fmla="*/ 3377133 w 6858000"/>
              <a:gd name="connsiteY3599" fmla="*/ 2510140 h 6858000"/>
              <a:gd name="connsiteX3600" fmla="*/ 3253001 w 6858000"/>
              <a:gd name="connsiteY3600" fmla="*/ 2509919 h 6858000"/>
              <a:gd name="connsiteX3601" fmla="*/ 3253001 w 6858000"/>
              <a:gd name="connsiteY3601" fmla="*/ 2511214 h 6858000"/>
              <a:gd name="connsiteX3602" fmla="*/ 3254297 w 6858000"/>
              <a:gd name="connsiteY3602" fmla="*/ 2511214 h 6858000"/>
              <a:gd name="connsiteX3603" fmla="*/ 3254297 w 6858000"/>
              <a:gd name="connsiteY3603" fmla="*/ 2509919 h 6858000"/>
              <a:gd name="connsiteX3604" fmla="*/ 3129499 w 6858000"/>
              <a:gd name="connsiteY3604" fmla="*/ 2509436 h 6858000"/>
              <a:gd name="connsiteX3605" fmla="*/ 3129499 w 6858000"/>
              <a:gd name="connsiteY3605" fmla="*/ 2511621 h 6858000"/>
              <a:gd name="connsiteX3606" fmla="*/ 3131684 w 6858000"/>
              <a:gd name="connsiteY3606" fmla="*/ 2511621 h 6858000"/>
              <a:gd name="connsiteX3607" fmla="*/ 3131684 w 6858000"/>
              <a:gd name="connsiteY3607" fmla="*/ 2509436 h 6858000"/>
              <a:gd name="connsiteX3608" fmla="*/ 3005998 w 6858000"/>
              <a:gd name="connsiteY3608" fmla="*/ 2509028 h 6858000"/>
              <a:gd name="connsiteX3609" fmla="*/ 3005998 w 6858000"/>
              <a:gd name="connsiteY3609" fmla="*/ 2512066 h 6858000"/>
              <a:gd name="connsiteX3610" fmla="*/ 3009035 w 6858000"/>
              <a:gd name="connsiteY3610" fmla="*/ 2512066 h 6858000"/>
              <a:gd name="connsiteX3611" fmla="*/ 3009035 w 6858000"/>
              <a:gd name="connsiteY3611" fmla="*/ 2509028 h 6858000"/>
              <a:gd name="connsiteX3612" fmla="*/ 2882274 w 6858000"/>
              <a:gd name="connsiteY3612" fmla="*/ 2508399 h 6858000"/>
              <a:gd name="connsiteX3613" fmla="*/ 2882274 w 6858000"/>
              <a:gd name="connsiteY3613" fmla="*/ 2512733 h 6858000"/>
              <a:gd name="connsiteX3614" fmla="*/ 2886607 w 6858000"/>
              <a:gd name="connsiteY3614" fmla="*/ 2512733 h 6858000"/>
              <a:gd name="connsiteX3615" fmla="*/ 2886607 w 6858000"/>
              <a:gd name="connsiteY3615" fmla="*/ 2508399 h 6858000"/>
              <a:gd name="connsiteX3616" fmla="*/ 2758143 w 6858000"/>
              <a:gd name="connsiteY3616" fmla="*/ 2507288 h 6858000"/>
              <a:gd name="connsiteX3617" fmla="*/ 2758143 w 6858000"/>
              <a:gd name="connsiteY3617" fmla="*/ 2513806 h 6858000"/>
              <a:gd name="connsiteX3618" fmla="*/ 2764661 w 6858000"/>
              <a:gd name="connsiteY3618" fmla="*/ 2513806 h 6858000"/>
              <a:gd name="connsiteX3619" fmla="*/ 2764661 w 6858000"/>
              <a:gd name="connsiteY3619" fmla="*/ 2507288 h 6858000"/>
              <a:gd name="connsiteX3620" fmla="*/ 2634011 w 6858000"/>
              <a:gd name="connsiteY3620" fmla="*/ 2506178 h 6858000"/>
              <a:gd name="connsiteX3621" fmla="*/ 2634011 w 6858000"/>
              <a:gd name="connsiteY3621" fmla="*/ 2514880 h 6858000"/>
              <a:gd name="connsiteX3622" fmla="*/ 2642714 w 6858000"/>
              <a:gd name="connsiteY3622" fmla="*/ 2514880 h 6858000"/>
              <a:gd name="connsiteX3623" fmla="*/ 2642714 w 6858000"/>
              <a:gd name="connsiteY3623" fmla="*/ 2506178 h 6858000"/>
              <a:gd name="connsiteX3624" fmla="*/ 2509399 w 6858000"/>
              <a:gd name="connsiteY3624" fmla="*/ 2504659 h 6858000"/>
              <a:gd name="connsiteX3625" fmla="*/ 2509399 w 6858000"/>
              <a:gd name="connsiteY3625" fmla="*/ 2516399 h 6858000"/>
              <a:gd name="connsiteX3626" fmla="*/ 2521138 w 6858000"/>
              <a:gd name="connsiteY3626" fmla="*/ 2516399 h 6858000"/>
              <a:gd name="connsiteX3627" fmla="*/ 2521138 w 6858000"/>
              <a:gd name="connsiteY3627" fmla="*/ 2504659 h 6858000"/>
              <a:gd name="connsiteX3628" fmla="*/ 2384823 w 6858000"/>
              <a:gd name="connsiteY3628" fmla="*/ 2503178 h 6858000"/>
              <a:gd name="connsiteX3629" fmla="*/ 2384823 w 6858000"/>
              <a:gd name="connsiteY3629" fmla="*/ 2517955 h 6858000"/>
              <a:gd name="connsiteX3630" fmla="*/ 2399599 w 6858000"/>
              <a:gd name="connsiteY3630" fmla="*/ 2517955 h 6858000"/>
              <a:gd name="connsiteX3631" fmla="*/ 2399599 w 6858000"/>
              <a:gd name="connsiteY3631" fmla="*/ 2503178 h 6858000"/>
              <a:gd name="connsiteX3632" fmla="*/ 2259803 w 6858000"/>
              <a:gd name="connsiteY3632" fmla="*/ 2501216 h 6858000"/>
              <a:gd name="connsiteX3633" fmla="*/ 2259803 w 6858000"/>
              <a:gd name="connsiteY3633" fmla="*/ 2519879 h 6858000"/>
              <a:gd name="connsiteX3634" fmla="*/ 2278467 w 6858000"/>
              <a:gd name="connsiteY3634" fmla="*/ 2519879 h 6858000"/>
              <a:gd name="connsiteX3635" fmla="*/ 2278467 w 6858000"/>
              <a:gd name="connsiteY3635" fmla="*/ 2501216 h 6858000"/>
              <a:gd name="connsiteX3636" fmla="*/ 2134598 w 6858000"/>
              <a:gd name="connsiteY3636" fmla="*/ 2499030 h 6858000"/>
              <a:gd name="connsiteX3637" fmla="*/ 2134598 w 6858000"/>
              <a:gd name="connsiteY3637" fmla="*/ 2522064 h 6858000"/>
              <a:gd name="connsiteX3638" fmla="*/ 2157632 w 6858000"/>
              <a:gd name="connsiteY3638" fmla="*/ 2522064 h 6858000"/>
              <a:gd name="connsiteX3639" fmla="*/ 2157632 w 6858000"/>
              <a:gd name="connsiteY3639" fmla="*/ 2499030 h 6858000"/>
              <a:gd name="connsiteX3640" fmla="*/ 2009133 w 6858000"/>
              <a:gd name="connsiteY3640" fmla="*/ 2496624 h 6858000"/>
              <a:gd name="connsiteX3641" fmla="*/ 2009133 w 6858000"/>
              <a:gd name="connsiteY3641" fmla="*/ 2524434 h 6858000"/>
              <a:gd name="connsiteX3642" fmla="*/ 2036944 w 6858000"/>
              <a:gd name="connsiteY3642" fmla="*/ 2524434 h 6858000"/>
              <a:gd name="connsiteX3643" fmla="*/ 2036944 w 6858000"/>
              <a:gd name="connsiteY3643" fmla="*/ 2496624 h 6858000"/>
              <a:gd name="connsiteX3644" fmla="*/ 1883706 w 6858000"/>
              <a:gd name="connsiteY3644" fmla="*/ 2494254 h 6858000"/>
              <a:gd name="connsiteX3645" fmla="*/ 1883706 w 6858000"/>
              <a:gd name="connsiteY3645" fmla="*/ 2526841 h 6858000"/>
              <a:gd name="connsiteX3646" fmla="*/ 1916294 w 6858000"/>
              <a:gd name="connsiteY3646" fmla="*/ 2526841 h 6858000"/>
              <a:gd name="connsiteX3647" fmla="*/ 1916294 w 6858000"/>
              <a:gd name="connsiteY3647" fmla="*/ 2494254 h 6858000"/>
              <a:gd name="connsiteX3648" fmla="*/ 1758019 w 6858000"/>
              <a:gd name="connsiteY3648" fmla="*/ 2491660 h 6858000"/>
              <a:gd name="connsiteX3649" fmla="*/ 1758019 w 6858000"/>
              <a:gd name="connsiteY3649" fmla="*/ 2529433 h 6858000"/>
              <a:gd name="connsiteX3650" fmla="*/ 1795792 w 6858000"/>
              <a:gd name="connsiteY3650" fmla="*/ 2529433 h 6858000"/>
              <a:gd name="connsiteX3651" fmla="*/ 1795792 w 6858000"/>
              <a:gd name="connsiteY3651" fmla="*/ 2491660 h 6858000"/>
              <a:gd name="connsiteX3652" fmla="*/ 1632370 w 6858000"/>
              <a:gd name="connsiteY3652" fmla="*/ 2489069 h 6858000"/>
              <a:gd name="connsiteX3653" fmla="*/ 1632370 w 6858000"/>
              <a:gd name="connsiteY3653" fmla="*/ 2532063 h 6858000"/>
              <a:gd name="connsiteX3654" fmla="*/ 1675364 w 6858000"/>
              <a:gd name="connsiteY3654" fmla="*/ 2532063 h 6858000"/>
              <a:gd name="connsiteX3655" fmla="*/ 1675364 w 6858000"/>
              <a:gd name="connsiteY3655" fmla="*/ 2489069 h 6858000"/>
              <a:gd name="connsiteX3656" fmla="*/ 1506683 w 6858000"/>
              <a:gd name="connsiteY3656" fmla="*/ 2486439 h 6858000"/>
              <a:gd name="connsiteX3657" fmla="*/ 1506683 w 6858000"/>
              <a:gd name="connsiteY3657" fmla="*/ 2534655 h 6858000"/>
              <a:gd name="connsiteX3658" fmla="*/ 1554899 w 6858000"/>
              <a:gd name="connsiteY3658" fmla="*/ 2534655 h 6858000"/>
              <a:gd name="connsiteX3659" fmla="*/ 1554899 w 6858000"/>
              <a:gd name="connsiteY3659" fmla="*/ 2486439 h 6858000"/>
              <a:gd name="connsiteX3660" fmla="*/ 1381256 w 6858000"/>
              <a:gd name="connsiteY3660" fmla="*/ 2484069 h 6858000"/>
              <a:gd name="connsiteX3661" fmla="*/ 1381256 w 6858000"/>
              <a:gd name="connsiteY3661" fmla="*/ 2537062 h 6858000"/>
              <a:gd name="connsiteX3662" fmla="*/ 1434249 w 6858000"/>
              <a:gd name="connsiteY3662" fmla="*/ 2537062 h 6858000"/>
              <a:gd name="connsiteX3663" fmla="*/ 1434249 w 6858000"/>
              <a:gd name="connsiteY3663" fmla="*/ 2484069 h 6858000"/>
              <a:gd name="connsiteX3664" fmla="*/ 1255792 w 6858000"/>
              <a:gd name="connsiteY3664" fmla="*/ 2481662 h 6858000"/>
              <a:gd name="connsiteX3665" fmla="*/ 1255792 w 6858000"/>
              <a:gd name="connsiteY3665" fmla="*/ 2539432 h 6858000"/>
              <a:gd name="connsiteX3666" fmla="*/ 1313562 w 6858000"/>
              <a:gd name="connsiteY3666" fmla="*/ 2539432 h 6858000"/>
              <a:gd name="connsiteX3667" fmla="*/ 1313562 w 6858000"/>
              <a:gd name="connsiteY3667" fmla="*/ 2481662 h 6858000"/>
              <a:gd name="connsiteX3668" fmla="*/ 1130327 w 6858000"/>
              <a:gd name="connsiteY3668" fmla="*/ 2479292 h 6858000"/>
              <a:gd name="connsiteX3669" fmla="*/ 1130327 w 6858000"/>
              <a:gd name="connsiteY3669" fmla="*/ 2541839 h 6858000"/>
              <a:gd name="connsiteX3670" fmla="*/ 1192874 w 6858000"/>
              <a:gd name="connsiteY3670" fmla="*/ 2541839 h 6858000"/>
              <a:gd name="connsiteX3671" fmla="*/ 1192874 w 6858000"/>
              <a:gd name="connsiteY3671" fmla="*/ 2479292 h 6858000"/>
              <a:gd name="connsiteX3672" fmla="*/ 1005122 w 6858000"/>
              <a:gd name="connsiteY3672" fmla="*/ 2477107 h 6858000"/>
              <a:gd name="connsiteX3673" fmla="*/ 1005122 w 6858000"/>
              <a:gd name="connsiteY3673" fmla="*/ 2543987 h 6858000"/>
              <a:gd name="connsiteX3674" fmla="*/ 1072002 w 6858000"/>
              <a:gd name="connsiteY3674" fmla="*/ 2543987 h 6858000"/>
              <a:gd name="connsiteX3675" fmla="*/ 1072002 w 6858000"/>
              <a:gd name="connsiteY3675" fmla="*/ 2477107 h 6858000"/>
              <a:gd name="connsiteX3676" fmla="*/ 880102 w 6858000"/>
              <a:gd name="connsiteY3676" fmla="*/ 2475146 h 6858000"/>
              <a:gd name="connsiteX3677" fmla="*/ 880102 w 6858000"/>
              <a:gd name="connsiteY3677" fmla="*/ 2545950 h 6858000"/>
              <a:gd name="connsiteX3678" fmla="*/ 950907 w 6858000"/>
              <a:gd name="connsiteY3678" fmla="*/ 2545950 h 6858000"/>
              <a:gd name="connsiteX3679" fmla="*/ 950907 w 6858000"/>
              <a:gd name="connsiteY3679" fmla="*/ 2475146 h 6858000"/>
              <a:gd name="connsiteX3680" fmla="*/ 755526 w 6858000"/>
              <a:gd name="connsiteY3680" fmla="*/ 2473626 h 6858000"/>
              <a:gd name="connsiteX3681" fmla="*/ 755526 w 6858000"/>
              <a:gd name="connsiteY3681" fmla="*/ 2547468 h 6858000"/>
              <a:gd name="connsiteX3682" fmla="*/ 829368 w 6858000"/>
              <a:gd name="connsiteY3682" fmla="*/ 2547468 h 6858000"/>
              <a:gd name="connsiteX3683" fmla="*/ 829368 w 6858000"/>
              <a:gd name="connsiteY3683" fmla="*/ 2473626 h 6858000"/>
              <a:gd name="connsiteX3684" fmla="*/ 630951 w 6858000"/>
              <a:gd name="connsiteY3684" fmla="*/ 2472108 h 6858000"/>
              <a:gd name="connsiteX3685" fmla="*/ 630951 w 6858000"/>
              <a:gd name="connsiteY3685" fmla="*/ 2548986 h 6858000"/>
              <a:gd name="connsiteX3686" fmla="*/ 707829 w 6858000"/>
              <a:gd name="connsiteY3686" fmla="*/ 2548986 h 6858000"/>
              <a:gd name="connsiteX3687" fmla="*/ 707829 w 6858000"/>
              <a:gd name="connsiteY3687" fmla="*/ 2472108 h 6858000"/>
              <a:gd name="connsiteX3688" fmla="*/ 506782 w 6858000"/>
              <a:gd name="connsiteY3688" fmla="*/ 2470998 h 6858000"/>
              <a:gd name="connsiteX3689" fmla="*/ 506782 w 6858000"/>
              <a:gd name="connsiteY3689" fmla="*/ 2550060 h 6858000"/>
              <a:gd name="connsiteX3690" fmla="*/ 585845 w 6858000"/>
              <a:gd name="connsiteY3690" fmla="*/ 2550060 h 6858000"/>
              <a:gd name="connsiteX3691" fmla="*/ 585845 w 6858000"/>
              <a:gd name="connsiteY3691" fmla="*/ 2470998 h 6858000"/>
              <a:gd name="connsiteX3692" fmla="*/ 382651 w 6858000"/>
              <a:gd name="connsiteY3692" fmla="*/ 2469961 h 6858000"/>
              <a:gd name="connsiteX3693" fmla="*/ 382651 w 6858000"/>
              <a:gd name="connsiteY3693" fmla="*/ 2551171 h 6858000"/>
              <a:gd name="connsiteX3694" fmla="*/ 463862 w 6858000"/>
              <a:gd name="connsiteY3694" fmla="*/ 2551171 h 6858000"/>
              <a:gd name="connsiteX3695" fmla="*/ 463862 w 6858000"/>
              <a:gd name="connsiteY3695" fmla="*/ 2469961 h 6858000"/>
              <a:gd name="connsiteX3696" fmla="*/ 13257 w 6858000"/>
              <a:gd name="connsiteY3696" fmla="*/ 2469737 h 6858000"/>
              <a:gd name="connsiteX3697" fmla="*/ 13257 w 6858000"/>
              <a:gd name="connsiteY3697" fmla="*/ 2551393 h 6858000"/>
              <a:gd name="connsiteX3698" fmla="*/ 94913 w 6858000"/>
              <a:gd name="connsiteY3698" fmla="*/ 2551393 h 6858000"/>
              <a:gd name="connsiteX3699" fmla="*/ 94913 w 6858000"/>
              <a:gd name="connsiteY3699" fmla="*/ 2469737 h 6858000"/>
              <a:gd name="connsiteX3700" fmla="*/ 258927 w 6858000"/>
              <a:gd name="connsiteY3700" fmla="*/ 2469294 h 6858000"/>
              <a:gd name="connsiteX3701" fmla="*/ 258927 w 6858000"/>
              <a:gd name="connsiteY3701" fmla="*/ 2551801 h 6858000"/>
              <a:gd name="connsiteX3702" fmla="*/ 341434 w 6858000"/>
              <a:gd name="connsiteY3702" fmla="*/ 2551801 h 6858000"/>
              <a:gd name="connsiteX3703" fmla="*/ 341434 w 6858000"/>
              <a:gd name="connsiteY3703" fmla="*/ 2469294 h 6858000"/>
              <a:gd name="connsiteX3704" fmla="*/ 135426 w 6858000"/>
              <a:gd name="connsiteY3704" fmla="*/ 2468849 h 6858000"/>
              <a:gd name="connsiteX3705" fmla="*/ 135426 w 6858000"/>
              <a:gd name="connsiteY3705" fmla="*/ 2552245 h 6858000"/>
              <a:gd name="connsiteX3706" fmla="*/ 218822 w 6858000"/>
              <a:gd name="connsiteY3706" fmla="*/ 2552245 h 6858000"/>
              <a:gd name="connsiteX3707" fmla="*/ 218822 w 6858000"/>
              <a:gd name="connsiteY3707" fmla="*/ 2468849 h 6858000"/>
              <a:gd name="connsiteX3708" fmla="*/ 3868732 w 6858000"/>
              <a:gd name="connsiteY3708" fmla="*/ 2387268 h 6858000"/>
              <a:gd name="connsiteX3709" fmla="*/ 3868732 w 6858000"/>
              <a:gd name="connsiteY3709" fmla="*/ 2387712 h 6858000"/>
              <a:gd name="connsiteX3710" fmla="*/ 3869176 w 6858000"/>
              <a:gd name="connsiteY3710" fmla="*/ 2387712 h 6858000"/>
              <a:gd name="connsiteX3711" fmla="*/ 3869176 w 6858000"/>
              <a:gd name="connsiteY3711" fmla="*/ 2387268 h 6858000"/>
              <a:gd name="connsiteX3712" fmla="*/ 3745675 w 6858000"/>
              <a:gd name="connsiteY3712" fmla="*/ 2387268 h 6858000"/>
              <a:gd name="connsiteX3713" fmla="*/ 3745675 w 6858000"/>
              <a:gd name="connsiteY3713" fmla="*/ 2387712 h 6858000"/>
              <a:gd name="connsiteX3714" fmla="*/ 3746119 w 6858000"/>
              <a:gd name="connsiteY3714" fmla="*/ 2387712 h 6858000"/>
              <a:gd name="connsiteX3715" fmla="*/ 3746119 w 6858000"/>
              <a:gd name="connsiteY3715" fmla="*/ 2387268 h 6858000"/>
              <a:gd name="connsiteX3716" fmla="*/ 3622617 w 6858000"/>
              <a:gd name="connsiteY3716" fmla="*/ 2387268 h 6858000"/>
              <a:gd name="connsiteX3717" fmla="*/ 3622617 w 6858000"/>
              <a:gd name="connsiteY3717" fmla="*/ 2387712 h 6858000"/>
              <a:gd name="connsiteX3718" fmla="*/ 3623061 w 6858000"/>
              <a:gd name="connsiteY3718" fmla="*/ 2387712 h 6858000"/>
              <a:gd name="connsiteX3719" fmla="*/ 3623061 w 6858000"/>
              <a:gd name="connsiteY3719" fmla="*/ 2387268 h 6858000"/>
              <a:gd name="connsiteX3720" fmla="*/ 3499523 w 6858000"/>
              <a:gd name="connsiteY3720" fmla="*/ 2387268 h 6858000"/>
              <a:gd name="connsiteX3721" fmla="*/ 3499523 w 6858000"/>
              <a:gd name="connsiteY3721" fmla="*/ 2387712 h 6858000"/>
              <a:gd name="connsiteX3722" fmla="*/ 3499967 w 6858000"/>
              <a:gd name="connsiteY3722" fmla="*/ 2387712 h 6858000"/>
              <a:gd name="connsiteX3723" fmla="*/ 3499967 w 6858000"/>
              <a:gd name="connsiteY3723" fmla="*/ 2387268 h 6858000"/>
              <a:gd name="connsiteX3724" fmla="*/ 3376281 w 6858000"/>
              <a:gd name="connsiteY3724" fmla="*/ 2387082 h 6858000"/>
              <a:gd name="connsiteX3725" fmla="*/ 3376281 w 6858000"/>
              <a:gd name="connsiteY3725" fmla="*/ 2387934 h 6858000"/>
              <a:gd name="connsiteX3726" fmla="*/ 3377133 w 6858000"/>
              <a:gd name="connsiteY3726" fmla="*/ 2387934 h 6858000"/>
              <a:gd name="connsiteX3727" fmla="*/ 3377133 w 6858000"/>
              <a:gd name="connsiteY3727" fmla="*/ 2387082 h 6858000"/>
              <a:gd name="connsiteX3728" fmla="*/ 3253186 w 6858000"/>
              <a:gd name="connsiteY3728" fmla="*/ 2387082 h 6858000"/>
              <a:gd name="connsiteX3729" fmla="*/ 3253186 w 6858000"/>
              <a:gd name="connsiteY3729" fmla="*/ 2387934 h 6858000"/>
              <a:gd name="connsiteX3730" fmla="*/ 3254038 w 6858000"/>
              <a:gd name="connsiteY3730" fmla="*/ 2387934 h 6858000"/>
              <a:gd name="connsiteX3731" fmla="*/ 3254038 w 6858000"/>
              <a:gd name="connsiteY3731" fmla="*/ 2387082 h 6858000"/>
              <a:gd name="connsiteX3732" fmla="*/ 3129722 w 6858000"/>
              <a:gd name="connsiteY3732" fmla="*/ 2386639 h 6858000"/>
              <a:gd name="connsiteX3733" fmla="*/ 3129722 w 6858000"/>
              <a:gd name="connsiteY3733" fmla="*/ 2388380 h 6858000"/>
              <a:gd name="connsiteX3734" fmla="*/ 3131462 w 6858000"/>
              <a:gd name="connsiteY3734" fmla="*/ 2388380 h 6858000"/>
              <a:gd name="connsiteX3735" fmla="*/ 3131462 w 6858000"/>
              <a:gd name="connsiteY3735" fmla="*/ 2386639 h 6858000"/>
              <a:gd name="connsiteX3736" fmla="*/ 3006220 w 6858000"/>
              <a:gd name="connsiteY3736" fmla="*/ 2386194 h 6858000"/>
              <a:gd name="connsiteX3737" fmla="*/ 3006220 w 6858000"/>
              <a:gd name="connsiteY3737" fmla="*/ 2388786 h 6858000"/>
              <a:gd name="connsiteX3738" fmla="*/ 3008812 w 6858000"/>
              <a:gd name="connsiteY3738" fmla="*/ 2388786 h 6858000"/>
              <a:gd name="connsiteX3739" fmla="*/ 3008812 w 6858000"/>
              <a:gd name="connsiteY3739" fmla="*/ 2386194 h 6858000"/>
              <a:gd name="connsiteX3740" fmla="*/ 2882496 w 6858000"/>
              <a:gd name="connsiteY3740" fmla="*/ 2385528 h 6858000"/>
              <a:gd name="connsiteX3741" fmla="*/ 2882496 w 6858000"/>
              <a:gd name="connsiteY3741" fmla="*/ 2389454 h 6858000"/>
              <a:gd name="connsiteX3742" fmla="*/ 2886421 w 6858000"/>
              <a:gd name="connsiteY3742" fmla="*/ 2389454 h 6858000"/>
              <a:gd name="connsiteX3743" fmla="*/ 2886421 w 6858000"/>
              <a:gd name="connsiteY3743" fmla="*/ 2385528 h 6858000"/>
              <a:gd name="connsiteX3744" fmla="*/ 2758587 w 6858000"/>
              <a:gd name="connsiteY3744" fmla="*/ 2384676 h 6858000"/>
              <a:gd name="connsiteX3745" fmla="*/ 2758587 w 6858000"/>
              <a:gd name="connsiteY3745" fmla="*/ 2390304 h 6858000"/>
              <a:gd name="connsiteX3746" fmla="*/ 2764216 w 6858000"/>
              <a:gd name="connsiteY3746" fmla="*/ 2390304 h 6858000"/>
              <a:gd name="connsiteX3747" fmla="*/ 2764216 w 6858000"/>
              <a:gd name="connsiteY3747" fmla="*/ 2384676 h 6858000"/>
              <a:gd name="connsiteX3748" fmla="*/ 2634196 w 6858000"/>
              <a:gd name="connsiteY3748" fmla="*/ 2383342 h 6858000"/>
              <a:gd name="connsiteX3749" fmla="*/ 2634196 w 6858000"/>
              <a:gd name="connsiteY3749" fmla="*/ 2391600 h 6858000"/>
              <a:gd name="connsiteX3750" fmla="*/ 2642454 w 6858000"/>
              <a:gd name="connsiteY3750" fmla="*/ 2391600 h 6858000"/>
              <a:gd name="connsiteX3751" fmla="*/ 2642454 w 6858000"/>
              <a:gd name="connsiteY3751" fmla="*/ 2383342 h 6858000"/>
              <a:gd name="connsiteX3752" fmla="*/ 2509621 w 6858000"/>
              <a:gd name="connsiteY3752" fmla="*/ 2381861 h 6858000"/>
              <a:gd name="connsiteX3753" fmla="*/ 2509621 w 6858000"/>
              <a:gd name="connsiteY3753" fmla="*/ 2393156 h 6858000"/>
              <a:gd name="connsiteX3754" fmla="*/ 2520916 w 6858000"/>
              <a:gd name="connsiteY3754" fmla="*/ 2393156 h 6858000"/>
              <a:gd name="connsiteX3755" fmla="*/ 2520916 w 6858000"/>
              <a:gd name="connsiteY3755" fmla="*/ 2381861 h 6858000"/>
              <a:gd name="connsiteX3756" fmla="*/ 2384823 w 6858000"/>
              <a:gd name="connsiteY3756" fmla="*/ 2380083 h 6858000"/>
              <a:gd name="connsiteX3757" fmla="*/ 2384823 w 6858000"/>
              <a:gd name="connsiteY3757" fmla="*/ 2394859 h 6858000"/>
              <a:gd name="connsiteX3758" fmla="*/ 2399599 w 6858000"/>
              <a:gd name="connsiteY3758" fmla="*/ 2394859 h 6858000"/>
              <a:gd name="connsiteX3759" fmla="*/ 2399599 w 6858000"/>
              <a:gd name="connsiteY3759" fmla="*/ 2380083 h 6858000"/>
              <a:gd name="connsiteX3760" fmla="*/ 2259803 w 6858000"/>
              <a:gd name="connsiteY3760" fmla="*/ 2378158 h 6858000"/>
              <a:gd name="connsiteX3761" fmla="*/ 2259803 w 6858000"/>
              <a:gd name="connsiteY3761" fmla="*/ 2396822 h 6858000"/>
              <a:gd name="connsiteX3762" fmla="*/ 2278467 w 6858000"/>
              <a:gd name="connsiteY3762" fmla="*/ 2396822 h 6858000"/>
              <a:gd name="connsiteX3763" fmla="*/ 2278467 w 6858000"/>
              <a:gd name="connsiteY3763" fmla="*/ 2378158 h 6858000"/>
              <a:gd name="connsiteX3764" fmla="*/ 2134376 w 6858000"/>
              <a:gd name="connsiteY3764" fmla="*/ 2375788 h 6858000"/>
              <a:gd name="connsiteX3765" fmla="*/ 2134376 w 6858000"/>
              <a:gd name="connsiteY3765" fmla="*/ 2399229 h 6858000"/>
              <a:gd name="connsiteX3766" fmla="*/ 2157817 w 6858000"/>
              <a:gd name="connsiteY3766" fmla="*/ 2399229 h 6858000"/>
              <a:gd name="connsiteX3767" fmla="*/ 2157817 w 6858000"/>
              <a:gd name="connsiteY3767" fmla="*/ 2375788 h 6858000"/>
              <a:gd name="connsiteX3768" fmla="*/ 2008689 w 6858000"/>
              <a:gd name="connsiteY3768" fmla="*/ 2373158 h 6858000"/>
              <a:gd name="connsiteX3769" fmla="*/ 2008689 w 6858000"/>
              <a:gd name="connsiteY3769" fmla="*/ 2401821 h 6858000"/>
              <a:gd name="connsiteX3770" fmla="*/ 2037352 w 6858000"/>
              <a:gd name="connsiteY3770" fmla="*/ 2401821 h 6858000"/>
              <a:gd name="connsiteX3771" fmla="*/ 2037352 w 6858000"/>
              <a:gd name="connsiteY3771" fmla="*/ 2373158 h 6858000"/>
              <a:gd name="connsiteX3772" fmla="*/ 1883039 w 6858000"/>
              <a:gd name="connsiteY3772" fmla="*/ 2370530 h 6858000"/>
              <a:gd name="connsiteX3773" fmla="*/ 1883039 w 6858000"/>
              <a:gd name="connsiteY3773" fmla="*/ 2404413 h 6858000"/>
              <a:gd name="connsiteX3774" fmla="*/ 1916923 w 6858000"/>
              <a:gd name="connsiteY3774" fmla="*/ 2404413 h 6858000"/>
              <a:gd name="connsiteX3775" fmla="*/ 1916923 w 6858000"/>
              <a:gd name="connsiteY3775" fmla="*/ 2370530 h 6858000"/>
              <a:gd name="connsiteX3776" fmla="*/ 1757168 w 6858000"/>
              <a:gd name="connsiteY3776" fmla="*/ 2367753 h 6858000"/>
              <a:gd name="connsiteX3777" fmla="*/ 1757168 w 6858000"/>
              <a:gd name="connsiteY3777" fmla="*/ 2407265 h 6858000"/>
              <a:gd name="connsiteX3778" fmla="*/ 1796681 w 6858000"/>
              <a:gd name="connsiteY3778" fmla="*/ 2407265 h 6858000"/>
              <a:gd name="connsiteX3779" fmla="*/ 1796681 w 6858000"/>
              <a:gd name="connsiteY3779" fmla="*/ 2367753 h 6858000"/>
              <a:gd name="connsiteX3780" fmla="*/ 1631259 w 6858000"/>
              <a:gd name="connsiteY3780" fmla="*/ 2364901 h 6858000"/>
              <a:gd name="connsiteX3781" fmla="*/ 1631259 w 6858000"/>
              <a:gd name="connsiteY3781" fmla="*/ 2410080 h 6858000"/>
              <a:gd name="connsiteX3782" fmla="*/ 1676438 w 6858000"/>
              <a:gd name="connsiteY3782" fmla="*/ 2410080 h 6858000"/>
              <a:gd name="connsiteX3783" fmla="*/ 1676438 w 6858000"/>
              <a:gd name="connsiteY3783" fmla="*/ 2364901 h 6858000"/>
              <a:gd name="connsiteX3784" fmla="*/ 1505387 w 6858000"/>
              <a:gd name="connsiteY3784" fmla="*/ 2362087 h 6858000"/>
              <a:gd name="connsiteX3785" fmla="*/ 1505387 w 6858000"/>
              <a:gd name="connsiteY3785" fmla="*/ 2412894 h 6858000"/>
              <a:gd name="connsiteX3786" fmla="*/ 1556195 w 6858000"/>
              <a:gd name="connsiteY3786" fmla="*/ 2412894 h 6858000"/>
              <a:gd name="connsiteX3787" fmla="*/ 1556195 w 6858000"/>
              <a:gd name="connsiteY3787" fmla="*/ 2362087 h 6858000"/>
              <a:gd name="connsiteX3788" fmla="*/ 1379738 w 6858000"/>
              <a:gd name="connsiteY3788" fmla="*/ 2359494 h 6858000"/>
              <a:gd name="connsiteX3789" fmla="*/ 1379738 w 6858000"/>
              <a:gd name="connsiteY3789" fmla="*/ 2415523 h 6858000"/>
              <a:gd name="connsiteX3790" fmla="*/ 1435767 w 6858000"/>
              <a:gd name="connsiteY3790" fmla="*/ 2415523 h 6858000"/>
              <a:gd name="connsiteX3791" fmla="*/ 1435767 w 6858000"/>
              <a:gd name="connsiteY3791" fmla="*/ 2359494 h 6858000"/>
              <a:gd name="connsiteX3792" fmla="*/ 1253829 w 6858000"/>
              <a:gd name="connsiteY3792" fmla="*/ 2356681 h 6858000"/>
              <a:gd name="connsiteX3793" fmla="*/ 1253829 w 6858000"/>
              <a:gd name="connsiteY3793" fmla="*/ 2418337 h 6858000"/>
              <a:gd name="connsiteX3794" fmla="*/ 1315487 w 6858000"/>
              <a:gd name="connsiteY3794" fmla="*/ 2418337 h 6858000"/>
              <a:gd name="connsiteX3795" fmla="*/ 1315487 w 6858000"/>
              <a:gd name="connsiteY3795" fmla="*/ 2356681 h 6858000"/>
              <a:gd name="connsiteX3796" fmla="*/ 1128401 w 6858000"/>
              <a:gd name="connsiteY3796" fmla="*/ 2354274 h 6858000"/>
              <a:gd name="connsiteX3797" fmla="*/ 1128401 w 6858000"/>
              <a:gd name="connsiteY3797" fmla="*/ 2420708 h 6858000"/>
              <a:gd name="connsiteX3798" fmla="*/ 1194836 w 6858000"/>
              <a:gd name="connsiteY3798" fmla="*/ 2420708 h 6858000"/>
              <a:gd name="connsiteX3799" fmla="*/ 1194836 w 6858000"/>
              <a:gd name="connsiteY3799" fmla="*/ 2354274 h 6858000"/>
              <a:gd name="connsiteX3800" fmla="*/ 1003159 w 6858000"/>
              <a:gd name="connsiteY3800" fmla="*/ 2352087 h 6858000"/>
              <a:gd name="connsiteX3801" fmla="*/ 1003159 w 6858000"/>
              <a:gd name="connsiteY3801" fmla="*/ 2422893 h 6858000"/>
              <a:gd name="connsiteX3802" fmla="*/ 1073964 w 6858000"/>
              <a:gd name="connsiteY3802" fmla="*/ 2422893 h 6858000"/>
              <a:gd name="connsiteX3803" fmla="*/ 1073964 w 6858000"/>
              <a:gd name="connsiteY3803" fmla="*/ 2352087 h 6858000"/>
              <a:gd name="connsiteX3804" fmla="*/ 877917 w 6858000"/>
              <a:gd name="connsiteY3804" fmla="*/ 2349939 h 6858000"/>
              <a:gd name="connsiteX3805" fmla="*/ 877917 w 6858000"/>
              <a:gd name="connsiteY3805" fmla="*/ 2425077 h 6858000"/>
              <a:gd name="connsiteX3806" fmla="*/ 953055 w 6858000"/>
              <a:gd name="connsiteY3806" fmla="*/ 2425077 h 6858000"/>
              <a:gd name="connsiteX3807" fmla="*/ 953055 w 6858000"/>
              <a:gd name="connsiteY3807" fmla="*/ 2349939 h 6858000"/>
              <a:gd name="connsiteX3808" fmla="*/ 753119 w 6858000"/>
              <a:gd name="connsiteY3808" fmla="*/ 2348162 h 6858000"/>
              <a:gd name="connsiteX3809" fmla="*/ 753119 w 6858000"/>
              <a:gd name="connsiteY3809" fmla="*/ 2426782 h 6858000"/>
              <a:gd name="connsiteX3810" fmla="*/ 831738 w 6858000"/>
              <a:gd name="connsiteY3810" fmla="*/ 2426782 h 6858000"/>
              <a:gd name="connsiteX3811" fmla="*/ 831738 w 6858000"/>
              <a:gd name="connsiteY3811" fmla="*/ 2348162 h 6858000"/>
              <a:gd name="connsiteX3812" fmla="*/ 628544 w 6858000"/>
              <a:gd name="connsiteY3812" fmla="*/ 2346681 h 6858000"/>
              <a:gd name="connsiteX3813" fmla="*/ 628544 w 6858000"/>
              <a:gd name="connsiteY3813" fmla="*/ 2428336 h 6858000"/>
              <a:gd name="connsiteX3814" fmla="*/ 710200 w 6858000"/>
              <a:gd name="connsiteY3814" fmla="*/ 2428336 h 6858000"/>
              <a:gd name="connsiteX3815" fmla="*/ 710200 w 6858000"/>
              <a:gd name="connsiteY3815" fmla="*/ 2346681 h 6858000"/>
              <a:gd name="connsiteX3816" fmla="*/ 504412 w 6858000"/>
              <a:gd name="connsiteY3816" fmla="*/ 2345571 h 6858000"/>
              <a:gd name="connsiteX3817" fmla="*/ 504412 w 6858000"/>
              <a:gd name="connsiteY3817" fmla="*/ 2429410 h 6858000"/>
              <a:gd name="connsiteX3818" fmla="*/ 588252 w 6858000"/>
              <a:gd name="connsiteY3818" fmla="*/ 2429410 h 6858000"/>
              <a:gd name="connsiteX3819" fmla="*/ 588252 w 6858000"/>
              <a:gd name="connsiteY3819" fmla="*/ 2345571 h 6858000"/>
              <a:gd name="connsiteX3820" fmla="*/ 380244 w 6858000"/>
              <a:gd name="connsiteY3820" fmla="*/ 2344497 h 6858000"/>
              <a:gd name="connsiteX3821" fmla="*/ 380244 w 6858000"/>
              <a:gd name="connsiteY3821" fmla="*/ 2430484 h 6858000"/>
              <a:gd name="connsiteX3822" fmla="*/ 466232 w 6858000"/>
              <a:gd name="connsiteY3822" fmla="*/ 2430484 h 6858000"/>
              <a:gd name="connsiteX3823" fmla="*/ 466232 w 6858000"/>
              <a:gd name="connsiteY3823" fmla="*/ 2344497 h 6858000"/>
              <a:gd name="connsiteX3824" fmla="*/ 10850 w 6858000"/>
              <a:gd name="connsiteY3824" fmla="*/ 2344274 h 6858000"/>
              <a:gd name="connsiteX3825" fmla="*/ 10850 w 6858000"/>
              <a:gd name="connsiteY3825" fmla="*/ 2430706 h 6858000"/>
              <a:gd name="connsiteX3826" fmla="*/ 97283 w 6858000"/>
              <a:gd name="connsiteY3826" fmla="*/ 2430706 h 6858000"/>
              <a:gd name="connsiteX3827" fmla="*/ 97283 w 6858000"/>
              <a:gd name="connsiteY3827" fmla="*/ 2344274 h 6858000"/>
              <a:gd name="connsiteX3828" fmla="*/ 256557 w 6858000"/>
              <a:gd name="connsiteY3828" fmla="*/ 2343868 h 6858000"/>
              <a:gd name="connsiteX3829" fmla="*/ 256557 w 6858000"/>
              <a:gd name="connsiteY3829" fmla="*/ 2431151 h 6858000"/>
              <a:gd name="connsiteX3830" fmla="*/ 343841 w 6858000"/>
              <a:gd name="connsiteY3830" fmla="*/ 2431151 h 6858000"/>
              <a:gd name="connsiteX3831" fmla="*/ 343841 w 6858000"/>
              <a:gd name="connsiteY3831" fmla="*/ 2343868 h 6858000"/>
              <a:gd name="connsiteX3832" fmla="*/ 133055 w 6858000"/>
              <a:gd name="connsiteY3832" fmla="*/ 2343422 h 6858000"/>
              <a:gd name="connsiteX3833" fmla="*/ 133055 w 6858000"/>
              <a:gd name="connsiteY3833" fmla="*/ 2431595 h 6858000"/>
              <a:gd name="connsiteX3834" fmla="*/ 221228 w 6858000"/>
              <a:gd name="connsiteY3834" fmla="*/ 2431595 h 6858000"/>
              <a:gd name="connsiteX3835" fmla="*/ 221228 w 6858000"/>
              <a:gd name="connsiteY3835" fmla="*/ 2343422 h 6858000"/>
              <a:gd name="connsiteX3836" fmla="*/ 3868732 w 6858000"/>
              <a:gd name="connsiteY3836" fmla="*/ 2264211 h 6858000"/>
              <a:gd name="connsiteX3837" fmla="*/ 3868732 w 6858000"/>
              <a:gd name="connsiteY3837" fmla="*/ 2264655 h 6858000"/>
              <a:gd name="connsiteX3838" fmla="*/ 3869176 w 6858000"/>
              <a:gd name="connsiteY3838" fmla="*/ 2264655 h 6858000"/>
              <a:gd name="connsiteX3839" fmla="*/ 3869176 w 6858000"/>
              <a:gd name="connsiteY3839" fmla="*/ 2264211 h 6858000"/>
              <a:gd name="connsiteX3840" fmla="*/ 3745675 w 6858000"/>
              <a:gd name="connsiteY3840" fmla="*/ 2264211 h 6858000"/>
              <a:gd name="connsiteX3841" fmla="*/ 3745675 w 6858000"/>
              <a:gd name="connsiteY3841" fmla="*/ 2264655 h 6858000"/>
              <a:gd name="connsiteX3842" fmla="*/ 3746119 w 6858000"/>
              <a:gd name="connsiteY3842" fmla="*/ 2264655 h 6858000"/>
              <a:gd name="connsiteX3843" fmla="*/ 3746119 w 6858000"/>
              <a:gd name="connsiteY3843" fmla="*/ 2264211 h 6858000"/>
              <a:gd name="connsiteX3844" fmla="*/ 3622617 w 6858000"/>
              <a:gd name="connsiteY3844" fmla="*/ 2264211 h 6858000"/>
              <a:gd name="connsiteX3845" fmla="*/ 3622617 w 6858000"/>
              <a:gd name="connsiteY3845" fmla="*/ 2264655 h 6858000"/>
              <a:gd name="connsiteX3846" fmla="*/ 3623061 w 6858000"/>
              <a:gd name="connsiteY3846" fmla="*/ 2264655 h 6858000"/>
              <a:gd name="connsiteX3847" fmla="*/ 3623061 w 6858000"/>
              <a:gd name="connsiteY3847" fmla="*/ 2264211 h 6858000"/>
              <a:gd name="connsiteX3848" fmla="*/ 3499523 w 6858000"/>
              <a:gd name="connsiteY3848" fmla="*/ 2264211 h 6858000"/>
              <a:gd name="connsiteX3849" fmla="*/ 3499523 w 6858000"/>
              <a:gd name="connsiteY3849" fmla="*/ 2264655 h 6858000"/>
              <a:gd name="connsiteX3850" fmla="*/ 3499967 w 6858000"/>
              <a:gd name="connsiteY3850" fmla="*/ 2264655 h 6858000"/>
              <a:gd name="connsiteX3851" fmla="*/ 3499967 w 6858000"/>
              <a:gd name="connsiteY3851" fmla="*/ 2264211 h 6858000"/>
              <a:gd name="connsiteX3852" fmla="*/ 3376466 w 6858000"/>
              <a:gd name="connsiteY3852" fmla="*/ 2264211 h 6858000"/>
              <a:gd name="connsiteX3853" fmla="*/ 3376466 w 6858000"/>
              <a:gd name="connsiteY3853" fmla="*/ 2264655 h 6858000"/>
              <a:gd name="connsiteX3854" fmla="*/ 3376910 w 6858000"/>
              <a:gd name="connsiteY3854" fmla="*/ 2264655 h 6858000"/>
              <a:gd name="connsiteX3855" fmla="*/ 3376910 w 6858000"/>
              <a:gd name="connsiteY3855" fmla="*/ 2264211 h 6858000"/>
              <a:gd name="connsiteX3856" fmla="*/ 3253186 w 6858000"/>
              <a:gd name="connsiteY3856" fmla="*/ 2264025 h 6858000"/>
              <a:gd name="connsiteX3857" fmla="*/ 3253186 w 6858000"/>
              <a:gd name="connsiteY3857" fmla="*/ 2264877 h 6858000"/>
              <a:gd name="connsiteX3858" fmla="*/ 3254038 w 6858000"/>
              <a:gd name="connsiteY3858" fmla="*/ 2264877 h 6858000"/>
              <a:gd name="connsiteX3859" fmla="*/ 3254038 w 6858000"/>
              <a:gd name="connsiteY3859" fmla="*/ 2264025 h 6858000"/>
              <a:gd name="connsiteX3860" fmla="*/ 3129944 w 6858000"/>
              <a:gd name="connsiteY3860" fmla="*/ 2263803 h 6858000"/>
              <a:gd name="connsiteX3861" fmla="*/ 3129944 w 6858000"/>
              <a:gd name="connsiteY3861" fmla="*/ 2265099 h 6858000"/>
              <a:gd name="connsiteX3862" fmla="*/ 3131240 w 6858000"/>
              <a:gd name="connsiteY3862" fmla="*/ 2265099 h 6858000"/>
              <a:gd name="connsiteX3863" fmla="*/ 3131240 w 6858000"/>
              <a:gd name="connsiteY3863" fmla="*/ 2263803 h 6858000"/>
              <a:gd name="connsiteX3864" fmla="*/ 3006442 w 6858000"/>
              <a:gd name="connsiteY3864" fmla="*/ 2263321 h 6858000"/>
              <a:gd name="connsiteX3865" fmla="*/ 3006442 w 6858000"/>
              <a:gd name="connsiteY3865" fmla="*/ 2265506 h 6858000"/>
              <a:gd name="connsiteX3866" fmla="*/ 3008627 w 6858000"/>
              <a:gd name="connsiteY3866" fmla="*/ 2265506 h 6858000"/>
              <a:gd name="connsiteX3867" fmla="*/ 3008627 w 6858000"/>
              <a:gd name="connsiteY3867" fmla="*/ 2263321 h 6858000"/>
              <a:gd name="connsiteX3868" fmla="*/ 2882718 w 6858000"/>
              <a:gd name="connsiteY3868" fmla="*/ 2262692 h 6858000"/>
              <a:gd name="connsiteX3869" fmla="*/ 2882718 w 6858000"/>
              <a:gd name="connsiteY3869" fmla="*/ 2266173 h 6858000"/>
              <a:gd name="connsiteX3870" fmla="*/ 2886199 w 6858000"/>
              <a:gd name="connsiteY3870" fmla="*/ 2266173 h 6858000"/>
              <a:gd name="connsiteX3871" fmla="*/ 2886199 w 6858000"/>
              <a:gd name="connsiteY3871" fmla="*/ 2262692 h 6858000"/>
              <a:gd name="connsiteX3872" fmla="*/ 2758809 w 6858000"/>
              <a:gd name="connsiteY3872" fmla="*/ 2261804 h 6858000"/>
              <a:gd name="connsiteX3873" fmla="*/ 2758809 w 6858000"/>
              <a:gd name="connsiteY3873" fmla="*/ 2267025 h 6858000"/>
              <a:gd name="connsiteX3874" fmla="*/ 2764030 w 6858000"/>
              <a:gd name="connsiteY3874" fmla="*/ 2267025 h 6858000"/>
              <a:gd name="connsiteX3875" fmla="*/ 2764030 w 6858000"/>
              <a:gd name="connsiteY3875" fmla="*/ 2261804 h 6858000"/>
              <a:gd name="connsiteX3876" fmla="*/ 2634641 w 6858000"/>
              <a:gd name="connsiteY3876" fmla="*/ 2260767 h 6858000"/>
              <a:gd name="connsiteX3877" fmla="*/ 2634641 w 6858000"/>
              <a:gd name="connsiteY3877" fmla="*/ 2268136 h 6858000"/>
              <a:gd name="connsiteX3878" fmla="*/ 2642010 w 6858000"/>
              <a:gd name="connsiteY3878" fmla="*/ 2268136 h 6858000"/>
              <a:gd name="connsiteX3879" fmla="*/ 2642010 w 6858000"/>
              <a:gd name="connsiteY3879" fmla="*/ 2260767 h 6858000"/>
              <a:gd name="connsiteX3880" fmla="*/ 2509843 w 6858000"/>
              <a:gd name="connsiteY3880" fmla="*/ 2259026 h 6858000"/>
              <a:gd name="connsiteX3881" fmla="*/ 2509843 w 6858000"/>
              <a:gd name="connsiteY3881" fmla="*/ 2269876 h 6858000"/>
              <a:gd name="connsiteX3882" fmla="*/ 2520693 w 6858000"/>
              <a:gd name="connsiteY3882" fmla="*/ 2269876 h 6858000"/>
              <a:gd name="connsiteX3883" fmla="*/ 2520693 w 6858000"/>
              <a:gd name="connsiteY3883" fmla="*/ 2259026 h 6858000"/>
              <a:gd name="connsiteX3884" fmla="*/ 2385045 w 6858000"/>
              <a:gd name="connsiteY3884" fmla="*/ 2257286 h 6858000"/>
              <a:gd name="connsiteX3885" fmla="*/ 2385045 w 6858000"/>
              <a:gd name="connsiteY3885" fmla="*/ 2271617 h 6858000"/>
              <a:gd name="connsiteX3886" fmla="*/ 2399376 w 6858000"/>
              <a:gd name="connsiteY3886" fmla="*/ 2271617 h 6858000"/>
              <a:gd name="connsiteX3887" fmla="*/ 2399376 w 6858000"/>
              <a:gd name="connsiteY3887" fmla="*/ 2257286 h 6858000"/>
              <a:gd name="connsiteX3888" fmla="*/ 2259618 w 6858000"/>
              <a:gd name="connsiteY3888" fmla="*/ 2254879 h 6858000"/>
              <a:gd name="connsiteX3889" fmla="*/ 2259618 w 6858000"/>
              <a:gd name="connsiteY3889" fmla="*/ 2273987 h 6858000"/>
              <a:gd name="connsiteX3890" fmla="*/ 2278726 w 6858000"/>
              <a:gd name="connsiteY3890" fmla="*/ 2273987 h 6858000"/>
              <a:gd name="connsiteX3891" fmla="*/ 2278726 w 6858000"/>
              <a:gd name="connsiteY3891" fmla="*/ 2254879 h 6858000"/>
              <a:gd name="connsiteX3892" fmla="*/ 2134153 w 6858000"/>
              <a:gd name="connsiteY3892" fmla="*/ 2252509 h 6858000"/>
              <a:gd name="connsiteX3893" fmla="*/ 2134153 w 6858000"/>
              <a:gd name="connsiteY3893" fmla="*/ 2276394 h 6858000"/>
              <a:gd name="connsiteX3894" fmla="*/ 2158039 w 6858000"/>
              <a:gd name="connsiteY3894" fmla="*/ 2276394 h 6858000"/>
              <a:gd name="connsiteX3895" fmla="*/ 2158039 w 6858000"/>
              <a:gd name="connsiteY3895" fmla="*/ 2252509 h 6858000"/>
              <a:gd name="connsiteX3896" fmla="*/ 2008282 w 6858000"/>
              <a:gd name="connsiteY3896" fmla="*/ 2249656 h 6858000"/>
              <a:gd name="connsiteX3897" fmla="*/ 2008282 w 6858000"/>
              <a:gd name="connsiteY3897" fmla="*/ 2279208 h 6858000"/>
              <a:gd name="connsiteX3898" fmla="*/ 2037833 w 6858000"/>
              <a:gd name="connsiteY3898" fmla="*/ 2279208 h 6858000"/>
              <a:gd name="connsiteX3899" fmla="*/ 2037833 w 6858000"/>
              <a:gd name="connsiteY3899" fmla="*/ 2249656 h 6858000"/>
              <a:gd name="connsiteX3900" fmla="*/ 1882373 w 6858000"/>
              <a:gd name="connsiteY3900" fmla="*/ 2246843 h 6858000"/>
              <a:gd name="connsiteX3901" fmla="*/ 1882373 w 6858000"/>
              <a:gd name="connsiteY3901" fmla="*/ 2282023 h 6858000"/>
              <a:gd name="connsiteX3902" fmla="*/ 1917553 w 6858000"/>
              <a:gd name="connsiteY3902" fmla="*/ 2282023 h 6858000"/>
              <a:gd name="connsiteX3903" fmla="*/ 1917553 w 6858000"/>
              <a:gd name="connsiteY3903" fmla="*/ 2246843 h 6858000"/>
              <a:gd name="connsiteX3904" fmla="*/ 1756279 w 6858000"/>
              <a:gd name="connsiteY3904" fmla="*/ 2243806 h 6858000"/>
              <a:gd name="connsiteX3905" fmla="*/ 1756279 w 6858000"/>
              <a:gd name="connsiteY3905" fmla="*/ 2285059 h 6858000"/>
              <a:gd name="connsiteX3906" fmla="*/ 1797533 w 6858000"/>
              <a:gd name="connsiteY3906" fmla="*/ 2285059 h 6858000"/>
              <a:gd name="connsiteX3907" fmla="*/ 1797533 w 6858000"/>
              <a:gd name="connsiteY3907" fmla="*/ 2243806 h 6858000"/>
              <a:gd name="connsiteX3908" fmla="*/ 1630185 w 6858000"/>
              <a:gd name="connsiteY3908" fmla="*/ 2240769 h 6858000"/>
              <a:gd name="connsiteX3909" fmla="*/ 1630185 w 6858000"/>
              <a:gd name="connsiteY3909" fmla="*/ 2288096 h 6858000"/>
              <a:gd name="connsiteX3910" fmla="*/ 1677512 w 6858000"/>
              <a:gd name="connsiteY3910" fmla="*/ 2288096 h 6858000"/>
              <a:gd name="connsiteX3911" fmla="*/ 1677512 w 6858000"/>
              <a:gd name="connsiteY3911" fmla="*/ 2240769 h 6858000"/>
              <a:gd name="connsiteX3912" fmla="*/ 1504313 w 6858000"/>
              <a:gd name="connsiteY3912" fmla="*/ 2237918 h 6858000"/>
              <a:gd name="connsiteX3913" fmla="*/ 1504313 w 6858000"/>
              <a:gd name="connsiteY3913" fmla="*/ 2290910 h 6858000"/>
              <a:gd name="connsiteX3914" fmla="*/ 1557306 w 6858000"/>
              <a:gd name="connsiteY3914" fmla="*/ 2290910 h 6858000"/>
              <a:gd name="connsiteX3915" fmla="*/ 1557306 w 6858000"/>
              <a:gd name="connsiteY3915" fmla="*/ 2237918 h 6858000"/>
              <a:gd name="connsiteX3916" fmla="*/ 1378219 w 6858000"/>
              <a:gd name="connsiteY3916" fmla="*/ 2234918 h 6858000"/>
              <a:gd name="connsiteX3917" fmla="*/ 1378219 w 6858000"/>
              <a:gd name="connsiteY3917" fmla="*/ 2293984 h 6858000"/>
              <a:gd name="connsiteX3918" fmla="*/ 1437285 w 6858000"/>
              <a:gd name="connsiteY3918" fmla="*/ 2293984 h 6858000"/>
              <a:gd name="connsiteX3919" fmla="*/ 1437285 w 6858000"/>
              <a:gd name="connsiteY3919" fmla="*/ 2234918 h 6858000"/>
              <a:gd name="connsiteX3920" fmla="*/ 1252311 w 6858000"/>
              <a:gd name="connsiteY3920" fmla="*/ 2232066 h 6858000"/>
              <a:gd name="connsiteX3921" fmla="*/ 1252311 w 6858000"/>
              <a:gd name="connsiteY3921" fmla="*/ 2296798 h 6858000"/>
              <a:gd name="connsiteX3922" fmla="*/ 1317043 w 6858000"/>
              <a:gd name="connsiteY3922" fmla="*/ 2296798 h 6858000"/>
              <a:gd name="connsiteX3923" fmla="*/ 1317043 w 6858000"/>
              <a:gd name="connsiteY3923" fmla="*/ 2232066 h 6858000"/>
              <a:gd name="connsiteX3924" fmla="*/ 1126661 w 6858000"/>
              <a:gd name="connsiteY3924" fmla="*/ 2229474 h 6858000"/>
              <a:gd name="connsiteX3925" fmla="*/ 1126661 w 6858000"/>
              <a:gd name="connsiteY3925" fmla="*/ 2299391 h 6858000"/>
              <a:gd name="connsiteX3926" fmla="*/ 1196577 w 6858000"/>
              <a:gd name="connsiteY3926" fmla="*/ 2299391 h 6858000"/>
              <a:gd name="connsiteX3927" fmla="*/ 1196577 w 6858000"/>
              <a:gd name="connsiteY3927" fmla="*/ 2229474 h 6858000"/>
              <a:gd name="connsiteX3928" fmla="*/ 1001197 w 6858000"/>
              <a:gd name="connsiteY3928" fmla="*/ 2227105 h 6858000"/>
              <a:gd name="connsiteX3929" fmla="*/ 1001197 w 6858000"/>
              <a:gd name="connsiteY3929" fmla="*/ 2301799 h 6858000"/>
              <a:gd name="connsiteX3930" fmla="*/ 1075891 w 6858000"/>
              <a:gd name="connsiteY3930" fmla="*/ 2301799 h 6858000"/>
              <a:gd name="connsiteX3931" fmla="*/ 1075891 w 6858000"/>
              <a:gd name="connsiteY3931" fmla="*/ 2227105 h 6858000"/>
              <a:gd name="connsiteX3932" fmla="*/ 875769 w 6858000"/>
              <a:gd name="connsiteY3932" fmla="*/ 2224697 h 6858000"/>
              <a:gd name="connsiteX3933" fmla="*/ 875769 w 6858000"/>
              <a:gd name="connsiteY3933" fmla="*/ 2304168 h 6858000"/>
              <a:gd name="connsiteX3934" fmla="*/ 955240 w 6858000"/>
              <a:gd name="connsiteY3934" fmla="*/ 2304168 h 6858000"/>
              <a:gd name="connsiteX3935" fmla="*/ 955240 w 6858000"/>
              <a:gd name="connsiteY3935" fmla="*/ 2224697 h 6858000"/>
              <a:gd name="connsiteX3936" fmla="*/ 750971 w 6858000"/>
              <a:gd name="connsiteY3936" fmla="*/ 2222957 h 6858000"/>
              <a:gd name="connsiteX3937" fmla="*/ 750971 w 6858000"/>
              <a:gd name="connsiteY3937" fmla="*/ 2305908 h 6858000"/>
              <a:gd name="connsiteX3938" fmla="*/ 833923 w 6858000"/>
              <a:gd name="connsiteY3938" fmla="*/ 2305908 h 6858000"/>
              <a:gd name="connsiteX3939" fmla="*/ 833923 w 6858000"/>
              <a:gd name="connsiteY3939" fmla="*/ 2222957 h 6858000"/>
              <a:gd name="connsiteX3940" fmla="*/ 626359 w 6858000"/>
              <a:gd name="connsiteY3940" fmla="*/ 2221440 h 6858000"/>
              <a:gd name="connsiteX3941" fmla="*/ 626359 w 6858000"/>
              <a:gd name="connsiteY3941" fmla="*/ 2307427 h 6858000"/>
              <a:gd name="connsiteX3942" fmla="*/ 712347 w 6858000"/>
              <a:gd name="connsiteY3942" fmla="*/ 2307427 h 6858000"/>
              <a:gd name="connsiteX3943" fmla="*/ 712347 w 6858000"/>
              <a:gd name="connsiteY3943" fmla="*/ 2221440 h 6858000"/>
              <a:gd name="connsiteX3944" fmla="*/ 502005 w 6858000"/>
              <a:gd name="connsiteY3944" fmla="*/ 2220105 h 6858000"/>
              <a:gd name="connsiteX3945" fmla="*/ 502005 w 6858000"/>
              <a:gd name="connsiteY3945" fmla="*/ 2308724 h 6858000"/>
              <a:gd name="connsiteX3946" fmla="*/ 590623 w 6858000"/>
              <a:gd name="connsiteY3946" fmla="*/ 2308724 h 6858000"/>
              <a:gd name="connsiteX3947" fmla="*/ 590623 w 6858000"/>
              <a:gd name="connsiteY3947" fmla="*/ 2220105 h 6858000"/>
              <a:gd name="connsiteX3948" fmla="*/ 378096 w 6858000"/>
              <a:gd name="connsiteY3948" fmla="*/ 2219254 h 6858000"/>
              <a:gd name="connsiteX3949" fmla="*/ 378096 w 6858000"/>
              <a:gd name="connsiteY3949" fmla="*/ 2309612 h 6858000"/>
              <a:gd name="connsiteX3950" fmla="*/ 468454 w 6858000"/>
              <a:gd name="connsiteY3950" fmla="*/ 2309612 h 6858000"/>
              <a:gd name="connsiteX3951" fmla="*/ 468454 w 6858000"/>
              <a:gd name="connsiteY3951" fmla="*/ 2219254 h 6858000"/>
              <a:gd name="connsiteX3952" fmla="*/ 8702 w 6858000"/>
              <a:gd name="connsiteY3952" fmla="*/ 2219069 h 6858000"/>
              <a:gd name="connsiteX3953" fmla="*/ 8702 w 6858000"/>
              <a:gd name="connsiteY3953" fmla="*/ 2309834 h 6858000"/>
              <a:gd name="connsiteX3954" fmla="*/ 99467 w 6858000"/>
              <a:gd name="connsiteY3954" fmla="*/ 2309834 h 6858000"/>
              <a:gd name="connsiteX3955" fmla="*/ 99467 w 6858000"/>
              <a:gd name="connsiteY3955" fmla="*/ 2219069 h 6858000"/>
              <a:gd name="connsiteX3956" fmla="*/ 254372 w 6858000"/>
              <a:gd name="connsiteY3956" fmla="*/ 2218587 h 6858000"/>
              <a:gd name="connsiteX3957" fmla="*/ 254372 w 6858000"/>
              <a:gd name="connsiteY3957" fmla="*/ 2310242 h 6858000"/>
              <a:gd name="connsiteX3958" fmla="*/ 346026 w 6858000"/>
              <a:gd name="connsiteY3958" fmla="*/ 2310242 h 6858000"/>
              <a:gd name="connsiteX3959" fmla="*/ 346026 w 6858000"/>
              <a:gd name="connsiteY3959" fmla="*/ 2218587 h 6858000"/>
              <a:gd name="connsiteX3960" fmla="*/ 130871 w 6858000"/>
              <a:gd name="connsiteY3960" fmla="*/ 2218179 h 6858000"/>
              <a:gd name="connsiteX3961" fmla="*/ 130871 w 6858000"/>
              <a:gd name="connsiteY3961" fmla="*/ 2310686 h 6858000"/>
              <a:gd name="connsiteX3962" fmla="*/ 223377 w 6858000"/>
              <a:gd name="connsiteY3962" fmla="*/ 2310686 h 6858000"/>
              <a:gd name="connsiteX3963" fmla="*/ 223377 w 6858000"/>
              <a:gd name="connsiteY3963" fmla="*/ 2218179 h 6858000"/>
              <a:gd name="connsiteX3964" fmla="*/ 3499523 w 6858000"/>
              <a:gd name="connsiteY3964" fmla="*/ 2141153 h 6858000"/>
              <a:gd name="connsiteX3965" fmla="*/ 3499523 w 6858000"/>
              <a:gd name="connsiteY3965" fmla="*/ 2141597 h 6858000"/>
              <a:gd name="connsiteX3966" fmla="*/ 3499967 w 6858000"/>
              <a:gd name="connsiteY3966" fmla="*/ 2141597 h 6858000"/>
              <a:gd name="connsiteX3967" fmla="*/ 3499967 w 6858000"/>
              <a:gd name="connsiteY3967" fmla="*/ 2141153 h 6858000"/>
              <a:gd name="connsiteX3968" fmla="*/ 3376466 w 6858000"/>
              <a:gd name="connsiteY3968" fmla="*/ 2141153 h 6858000"/>
              <a:gd name="connsiteX3969" fmla="*/ 3376466 w 6858000"/>
              <a:gd name="connsiteY3969" fmla="*/ 2141597 h 6858000"/>
              <a:gd name="connsiteX3970" fmla="*/ 3376910 w 6858000"/>
              <a:gd name="connsiteY3970" fmla="*/ 2141597 h 6858000"/>
              <a:gd name="connsiteX3971" fmla="*/ 3376910 w 6858000"/>
              <a:gd name="connsiteY3971" fmla="*/ 2141153 h 6858000"/>
              <a:gd name="connsiteX3972" fmla="*/ 3253408 w 6858000"/>
              <a:gd name="connsiteY3972" fmla="*/ 2141153 h 6858000"/>
              <a:gd name="connsiteX3973" fmla="*/ 3253408 w 6858000"/>
              <a:gd name="connsiteY3973" fmla="*/ 2141597 h 6858000"/>
              <a:gd name="connsiteX3974" fmla="*/ 3253852 w 6858000"/>
              <a:gd name="connsiteY3974" fmla="*/ 2141597 h 6858000"/>
              <a:gd name="connsiteX3975" fmla="*/ 3253852 w 6858000"/>
              <a:gd name="connsiteY3975" fmla="*/ 2141153 h 6858000"/>
              <a:gd name="connsiteX3976" fmla="*/ 3130129 w 6858000"/>
              <a:gd name="connsiteY3976" fmla="*/ 2140968 h 6858000"/>
              <a:gd name="connsiteX3977" fmla="*/ 3130129 w 6858000"/>
              <a:gd name="connsiteY3977" fmla="*/ 2141820 h 6858000"/>
              <a:gd name="connsiteX3978" fmla="*/ 3130981 w 6858000"/>
              <a:gd name="connsiteY3978" fmla="*/ 2141820 h 6858000"/>
              <a:gd name="connsiteX3979" fmla="*/ 3130981 w 6858000"/>
              <a:gd name="connsiteY3979" fmla="*/ 2140968 h 6858000"/>
              <a:gd name="connsiteX3980" fmla="*/ 3006664 w 6858000"/>
              <a:gd name="connsiteY3980" fmla="*/ 2140487 h 6858000"/>
              <a:gd name="connsiteX3981" fmla="*/ 3006664 w 6858000"/>
              <a:gd name="connsiteY3981" fmla="*/ 2142227 h 6858000"/>
              <a:gd name="connsiteX3982" fmla="*/ 3008404 w 6858000"/>
              <a:gd name="connsiteY3982" fmla="*/ 2142227 h 6858000"/>
              <a:gd name="connsiteX3983" fmla="*/ 3008404 w 6858000"/>
              <a:gd name="connsiteY3983" fmla="*/ 2140487 h 6858000"/>
              <a:gd name="connsiteX3984" fmla="*/ 2883163 w 6858000"/>
              <a:gd name="connsiteY3984" fmla="*/ 2140079 h 6858000"/>
              <a:gd name="connsiteX3985" fmla="*/ 2883163 w 6858000"/>
              <a:gd name="connsiteY3985" fmla="*/ 2142671 h 6858000"/>
              <a:gd name="connsiteX3986" fmla="*/ 2885755 w 6858000"/>
              <a:gd name="connsiteY3986" fmla="*/ 2142671 h 6858000"/>
              <a:gd name="connsiteX3987" fmla="*/ 2885755 w 6858000"/>
              <a:gd name="connsiteY3987" fmla="*/ 2140079 h 6858000"/>
              <a:gd name="connsiteX3988" fmla="*/ 2759216 w 6858000"/>
              <a:gd name="connsiteY3988" fmla="*/ 2139227 h 6858000"/>
              <a:gd name="connsiteX3989" fmla="*/ 2759216 w 6858000"/>
              <a:gd name="connsiteY3989" fmla="*/ 2143560 h 6858000"/>
              <a:gd name="connsiteX3990" fmla="*/ 2763549 w 6858000"/>
              <a:gd name="connsiteY3990" fmla="*/ 2143560 h 6858000"/>
              <a:gd name="connsiteX3991" fmla="*/ 2763549 w 6858000"/>
              <a:gd name="connsiteY3991" fmla="*/ 2139227 h 6858000"/>
              <a:gd name="connsiteX3992" fmla="*/ 2634863 w 6858000"/>
              <a:gd name="connsiteY3992" fmla="*/ 2137894 h 6858000"/>
              <a:gd name="connsiteX3993" fmla="*/ 2634863 w 6858000"/>
              <a:gd name="connsiteY3993" fmla="*/ 2144856 h 6858000"/>
              <a:gd name="connsiteX3994" fmla="*/ 2641825 w 6858000"/>
              <a:gd name="connsiteY3994" fmla="*/ 2144856 h 6858000"/>
              <a:gd name="connsiteX3995" fmla="*/ 2641825 w 6858000"/>
              <a:gd name="connsiteY3995" fmla="*/ 2137894 h 6858000"/>
              <a:gd name="connsiteX3996" fmla="*/ 2510287 w 6858000"/>
              <a:gd name="connsiteY3996" fmla="*/ 2136375 h 6858000"/>
              <a:gd name="connsiteX3997" fmla="*/ 2510287 w 6858000"/>
              <a:gd name="connsiteY3997" fmla="*/ 2146374 h 6858000"/>
              <a:gd name="connsiteX3998" fmla="*/ 2520286 w 6858000"/>
              <a:gd name="connsiteY3998" fmla="*/ 2146374 h 6858000"/>
              <a:gd name="connsiteX3999" fmla="*/ 2520286 w 6858000"/>
              <a:gd name="connsiteY3999" fmla="*/ 2136375 h 6858000"/>
              <a:gd name="connsiteX4000" fmla="*/ 2385267 w 6858000"/>
              <a:gd name="connsiteY4000" fmla="*/ 2134450 h 6858000"/>
              <a:gd name="connsiteX4001" fmla="*/ 2385267 w 6858000"/>
              <a:gd name="connsiteY4001" fmla="*/ 2148337 h 6858000"/>
              <a:gd name="connsiteX4002" fmla="*/ 2399154 w 6858000"/>
              <a:gd name="connsiteY4002" fmla="*/ 2148337 h 6858000"/>
              <a:gd name="connsiteX4003" fmla="*/ 2399154 w 6858000"/>
              <a:gd name="connsiteY4003" fmla="*/ 2134450 h 6858000"/>
              <a:gd name="connsiteX4004" fmla="*/ 2259618 w 6858000"/>
              <a:gd name="connsiteY4004" fmla="*/ 2131821 h 6858000"/>
              <a:gd name="connsiteX4005" fmla="*/ 2259618 w 6858000"/>
              <a:gd name="connsiteY4005" fmla="*/ 2150929 h 6858000"/>
              <a:gd name="connsiteX4006" fmla="*/ 2278726 w 6858000"/>
              <a:gd name="connsiteY4006" fmla="*/ 2150929 h 6858000"/>
              <a:gd name="connsiteX4007" fmla="*/ 2278726 w 6858000"/>
              <a:gd name="connsiteY4007" fmla="*/ 2131821 h 6858000"/>
              <a:gd name="connsiteX4008" fmla="*/ 2133931 w 6858000"/>
              <a:gd name="connsiteY4008" fmla="*/ 2129192 h 6858000"/>
              <a:gd name="connsiteX4009" fmla="*/ 2133931 w 6858000"/>
              <a:gd name="connsiteY4009" fmla="*/ 2153522 h 6858000"/>
              <a:gd name="connsiteX4010" fmla="*/ 2158261 w 6858000"/>
              <a:gd name="connsiteY4010" fmla="*/ 2153522 h 6858000"/>
              <a:gd name="connsiteX4011" fmla="*/ 2158261 w 6858000"/>
              <a:gd name="connsiteY4011" fmla="*/ 2129192 h 6858000"/>
              <a:gd name="connsiteX4012" fmla="*/ 2008059 w 6858000"/>
              <a:gd name="connsiteY4012" fmla="*/ 2126414 h 6858000"/>
              <a:gd name="connsiteX4013" fmla="*/ 2008059 w 6858000"/>
              <a:gd name="connsiteY4013" fmla="*/ 2156373 h 6858000"/>
              <a:gd name="connsiteX4014" fmla="*/ 2038018 w 6858000"/>
              <a:gd name="connsiteY4014" fmla="*/ 2156373 h 6858000"/>
              <a:gd name="connsiteX4015" fmla="*/ 2038018 w 6858000"/>
              <a:gd name="connsiteY4015" fmla="*/ 2126414 h 6858000"/>
              <a:gd name="connsiteX4016" fmla="*/ 1881743 w 6858000"/>
              <a:gd name="connsiteY4016" fmla="*/ 2123156 h 6858000"/>
              <a:gd name="connsiteX4017" fmla="*/ 1881743 w 6858000"/>
              <a:gd name="connsiteY4017" fmla="*/ 2159632 h 6858000"/>
              <a:gd name="connsiteX4018" fmla="*/ 1918219 w 6858000"/>
              <a:gd name="connsiteY4018" fmla="*/ 2159632 h 6858000"/>
              <a:gd name="connsiteX4019" fmla="*/ 1918219 w 6858000"/>
              <a:gd name="connsiteY4019" fmla="*/ 2123156 h 6858000"/>
              <a:gd name="connsiteX4020" fmla="*/ 1755649 w 6858000"/>
              <a:gd name="connsiteY4020" fmla="*/ 2120120 h 6858000"/>
              <a:gd name="connsiteX4021" fmla="*/ 1755649 w 6858000"/>
              <a:gd name="connsiteY4021" fmla="*/ 2162669 h 6858000"/>
              <a:gd name="connsiteX4022" fmla="*/ 1798199 w 6858000"/>
              <a:gd name="connsiteY4022" fmla="*/ 2162669 h 6858000"/>
              <a:gd name="connsiteX4023" fmla="*/ 1798199 w 6858000"/>
              <a:gd name="connsiteY4023" fmla="*/ 2120120 h 6858000"/>
              <a:gd name="connsiteX4024" fmla="*/ 1629333 w 6858000"/>
              <a:gd name="connsiteY4024" fmla="*/ 2116860 h 6858000"/>
              <a:gd name="connsiteX4025" fmla="*/ 1629333 w 6858000"/>
              <a:gd name="connsiteY4025" fmla="*/ 2165928 h 6858000"/>
              <a:gd name="connsiteX4026" fmla="*/ 1678400 w 6858000"/>
              <a:gd name="connsiteY4026" fmla="*/ 2165928 h 6858000"/>
              <a:gd name="connsiteX4027" fmla="*/ 1678400 w 6858000"/>
              <a:gd name="connsiteY4027" fmla="*/ 2116860 h 6858000"/>
              <a:gd name="connsiteX4028" fmla="*/ 1502980 w 6858000"/>
              <a:gd name="connsiteY4028" fmla="*/ 2113602 h 6858000"/>
              <a:gd name="connsiteX4029" fmla="*/ 1502980 w 6858000"/>
              <a:gd name="connsiteY4029" fmla="*/ 2169186 h 6858000"/>
              <a:gd name="connsiteX4030" fmla="*/ 1558565 w 6858000"/>
              <a:gd name="connsiteY4030" fmla="*/ 2169186 h 6858000"/>
              <a:gd name="connsiteX4031" fmla="*/ 1558565 w 6858000"/>
              <a:gd name="connsiteY4031" fmla="*/ 2113602 h 6858000"/>
              <a:gd name="connsiteX4032" fmla="*/ 1376664 w 6858000"/>
              <a:gd name="connsiteY4032" fmla="*/ 2110305 h 6858000"/>
              <a:gd name="connsiteX4033" fmla="*/ 1376664 w 6858000"/>
              <a:gd name="connsiteY4033" fmla="*/ 2172408 h 6858000"/>
              <a:gd name="connsiteX4034" fmla="*/ 1438767 w 6858000"/>
              <a:gd name="connsiteY4034" fmla="*/ 2172408 h 6858000"/>
              <a:gd name="connsiteX4035" fmla="*/ 1438767 w 6858000"/>
              <a:gd name="connsiteY4035" fmla="*/ 2110305 h 6858000"/>
              <a:gd name="connsiteX4036" fmla="*/ 1250570 w 6858000"/>
              <a:gd name="connsiteY4036" fmla="*/ 2107306 h 6858000"/>
              <a:gd name="connsiteX4037" fmla="*/ 1250570 w 6858000"/>
              <a:gd name="connsiteY4037" fmla="*/ 2175482 h 6858000"/>
              <a:gd name="connsiteX4038" fmla="*/ 1318746 w 6858000"/>
              <a:gd name="connsiteY4038" fmla="*/ 2175482 h 6858000"/>
              <a:gd name="connsiteX4039" fmla="*/ 1318746 w 6858000"/>
              <a:gd name="connsiteY4039" fmla="*/ 2107306 h 6858000"/>
              <a:gd name="connsiteX4040" fmla="*/ 1124920 w 6858000"/>
              <a:gd name="connsiteY4040" fmla="*/ 2104676 h 6858000"/>
              <a:gd name="connsiteX4041" fmla="*/ 1124920 w 6858000"/>
              <a:gd name="connsiteY4041" fmla="*/ 2178074 h 6858000"/>
              <a:gd name="connsiteX4042" fmla="*/ 1198317 w 6858000"/>
              <a:gd name="connsiteY4042" fmla="*/ 2178074 h 6858000"/>
              <a:gd name="connsiteX4043" fmla="*/ 1198317 w 6858000"/>
              <a:gd name="connsiteY4043" fmla="*/ 2104676 h 6858000"/>
              <a:gd name="connsiteX4044" fmla="*/ 999049 w 6858000"/>
              <a:gd name="connsiteY4044" fmla="*/ 2101825 h 6858000"/>
              <a:gd name="connsiteX4045" fmla="*/ 999049 w 6858000"/>
              <a:gd name="connsiteY4045" fmla="*/ 2180889 h 6858000"/>
              <a:gd name="connsiteX4046" fmla="*/ 1078112 w 6858000"/>
              <a:gd name="connsiteY4046" fmla="*/ 2180889 h 6858000"/>
              <a:gd name="connsiteX4047" fmla="*/ 1078112 w 6858000"/>
              <a:gd name="connsiteY4047" fmla="*/ 2101825 h 6858000"/>
              <a:gd name="connsiteX4048" fmla="*/ 873806 w 6858000"/>
              <a:gd name="connsiteY4048" fmla="*/ 2099677 h 6858000"/>
              <a:gd name="connsiteX4049" fmla="*/ 873806 w 6858000"/>
              <a:gd name="connsiteY4049" fmla="*/ 2183074 h 6858000"/>
              <a:gd name="connsiteX4050" fmla="*/ 957202 w 6858000"/>
              <a:gd name="connsiteY4050" fmla="*/ 2183074 h 6858000"/>
              <a:gd name="connsiteX4051" fmla="*/ 957202 w 6858000"/>
              <a:gd name="connsiteY4051" fmla="*/ 2099677 h 6858000"/>
              <a:gd name="connsiteX4052" fmla="*/ 748786 w 6858000"/>
              <a:gd name="connsiteY4052" fmla="*/ 2097751 h 6858000"/>
              <a:gd name="connsiteX4053" fmla="*/ 748786 w 6858000"/>
              <a:gd name="connsiteY4053" fmla="*/ 2185037 h 6858000"/>
              <a:gd name="connsiteX4054" fmla="*/ 836070 w 6858000"/>
              <a:gd name="connsiteY4054" fmla="*/ 2185037 h 6858000"/>
              <a:gd name="connsiteX4055" fmla="*/ 836070 w 6858000"/>
              <a:gd name="connsiteY4055" fmla="*/ 2097751 h 6858000"/>
              <a:gd name="connsiteX4056" fmla="*/ 624211 w 6858000"/>
              <a:gd name="connsiteY4056" fmla="*/ 2096242 h 6858000"/>
              <a:gd name="connsiteX4057" fmla="*/ 624211 w 6858000"/>
              <a:gd name="connsiteY4057" fmla="*/ 2186555 h 6858000"/>
              <a:gd name="connsiteX4058" fmla="*/ 714569 w 6858000"/>
              <a:gd name="connsiteY4058" fmla="*/ 2186555 h 6858000"/>
              <a:gd name="connsiteX4059" fmla="*/ 714569 w 6858000"/>
              <a:gd name="connsiteY4059" fmla="*/ 2096242 h 6858000"/>
              <a:gd name="connsiteX4060" fmla="*/ 499857 w 6858000"/>
              <a:gd name="connsiteY4060" fmla="*/ 2094944 h 6858000"/>
              <a:gd name="connsiteX4061" fmla="*/ 499857 w 6858000"/>
              <a:gd name="connsiteY4061" fmla="*/ 2187851 h 6858000"/>
              <a:gd name="connsiteX4062" fmla="*/ 592807 w 6858000"/>
              <a:gd name="connsiteY4062" fmla="*/ 2187851 h 6858000"/>
              <a:gd name="connsiteX4063" fmla="*/ 592807 w 6858000"/>
              <a:gd name="connsiteY4063" fmla="*/ 2094944 h 6858000"/>
              <a:gd name="connsiteX4064" fmla="*/ 375911 w 6858000"/>
              <a:gd name="connsiteY4064" fmla="*/ 2094053 h 6858000"/>
              <a:gd name="connsiteX4065" fmla="*/ 375911 w 6858000"/>
              <a:gd name="connsiteY4065" fmla="*/ 2188703 h 6858000"/>
              <a:gd name="connsiteX4066" fmla="*/ 470602 w 6858000"/>
              <a:gd name="connsiteY4066" fmla="*/ 2188703 h 6858000"/>
              <a:gd name="connsiteX4067" fmla="*/ 470602 w 6858000"/>
              <a:gd name="connsiteY4067" fmla="*/ 2094053 h 6858000"/>
              <a:gd name="connsiteX4068" fmla="*/ 6517 w 6858000"/>
              <a:gd name="connsiteY4068" fmla="*/ 2093833 h 6858000"/>
              <a:gd name="connsiteX4069" fmla="*/ 6517 w 6858000"/>
              <a:gd name="connsiteY4069" fmla="*/ 2188924 h 6858000"/>
              <a:gd name="connsiteX4070" fmla="*/ 101652 w 6858000"/>
              <a:gd name="connsiteY4070" fmla="*/ 2188924 h 6858000"/>
              <a:gd name="connsiteX4071" fmla="*/ 101652 w 6858000"/>
              <a:gd name="connsiteY4071" fmla="*/ 2093833 h 6858000"/>
              <a:gd name="connsiteX4072" fmla="*/ 252187 w 6858000"/>
              <a:gd name="connsiteY4072" fmla="*/ 2093426 h 6858000"/>
              <a:gd name="connsiteX4073" fmla="*/ 252187 w 6858000"/>
              <a:gd name="connsiteY4073" fmla="*/ 2189369 h 6858000"/>
              <a:gd name="connsiteX4074" fmla="*/ 348174 w 6858000"/>
              <a:gd name="connsiteY4074" fmla="*/ 2189369 h 6858000"/>
              <a:gd name="connsiteX4075" fmla="*/ 348174 w 6858000"/>
              <a:gd name="connsiteY4075" fmla="*/ 2093426 h 6858000"/>
              <a:gd name="connsiteX4076" fmla="*/ 128723 w 6858000"/>
              <a:gd name="connsiteY4076" fmla="*/ 2093019 h 6858000"/>
              <a:gd name="connsiteX4077" fmla="*/ 128723 w 6858000"/>
              <a:gd name="connsiteY4077" fmla="*/ 2189814 h 6858000"/>
              <a:gd name="connsiteX4078" fmla="*/ 225562 w 6858000"/>
              <a:gd name="connsiteY4078" fmla="*/ 2189814 h 6858000"/>
              <a:gd name="connsiteX4079" fmla="*/ 225562 w 6858000"/>
              <a:gd name="connsiteY4079" fmla="*/ 2093019 h 6858000"/>
              <a:gd name="connsiteX4080" fmla="*/ 3376466 w 6858000"/>
              <a:gd name="connsiteY4080" fmla="*/ 2018137 h 6858000"/>
              <a:gd name="connsiteX4081" fmla="*/ 3376466 w 6858000"/>
              <a:gd name="connsiteY4081" fmla="*/ 2018584 h 6858000"/>
              <a:gd name="connsiteX4082" fmla="*/ 3376910 w 6858000"/>
              <a:gd name="connsiteY4082" fmla="*/ 2018584 h 6858000"/>
              <a:gd name="connsiteX4083" fmla="*/ 3376910 w 6858000"/>
              <a:gd name="connsiteY4083" fmla="*/ 2018137 h 6858000"/>
              <a:gd name="connsiteX4084" fmla="*/ 3253408 w 6858000"/>
              <a:gd name="connsiteY4084" fmla="*/ 2018137 h 6858000"/>
              <a:gd name="connsiteX4085" fmla="*/ 3253408 w 6858000"/>
              <a:gd name="connsiteY4085" fmla="*/ 2018584 h 6858000"/>
              <a:gd name="connsiteX4086" fmla="*/ 3253852 w 6858000"/>
              <a:gd name="connsiteY4086" fmla="*/ 2018584 h 6858000"/>
              <a:gd name="connsiteX4087" fmla="*/ 3253852 w 6858000"/>
              <a:gd name="connsiteY4087" fmla="*/ 2018137 h 6858000"/>
              <a:gd name="connsiteX4088" fmla="*/ 3130351 w 6858000"/>
              <a:gd name="connsiteY4088" fmla="*/ 2018137 h 6858000"/>
              <a:gd name="connsiteX4089" fmla="*/ 3130351 w 6858000"/>
              <a:gd name="connsiteY4089" fmla="*/ 2018584 h 6858000"/>
              <a:gd name="connsiteX4090" fmla="*/ 3130795 w 6858000"/>
              <a:gd name="connsiteY4090" fmla="*/ 2018584 h 6858000"/>
              <a:gd name="connsiteX4091" fmla="*/ 3130795 w 6858000"/>
              <a:gd name="connsiteY4091" fmla="*/ 2018137 h 6858000"/>
              <a:gd name="connsiteX4092" fmla="*/ 3007072 w 6858000"/>
              <a:gd name="connsiteY4092" fmla="*/ 2017954 h 6858000"/>
              <a:gd name="connsiteX4093" fmla="*/ 3007072 w 6858000"/>
              <a:gd name="connsiteY4093" fmla="*/ 2018803 h 6858000"/>
              <a:gd name="connsiteX4094" fmla="*/ 3007924 w 6858000"/>
              <a:gd name="connsiteY4094" fmla="*/ 2018803 h 6858000"/>
              <a:gd name="connsiteX4095" fmla="*/ 3007924 w 6858000"/>
              <a:gd name="connsiteY4095" fmla="*/ 2017954 h 6858000"/>
              <a:gd name="connsiteX4096" fmla="*/ 2883385 w 6858000"/>
              <a:gd name="connsiteY4096" fmla="*/ 2017252 h 6858000"/>
              <a:gd name="connsiteX4097" fmla="*/ 2883385 w 6858000"/>
              <a:gd name="connsiteY4097" fmla="*/ 2019436 h 6858000"/>
              <a:gd name="connsiteX4098" fmla="*/ 2885570 w 6858000"/>
              <a:gd name="connsiteY4098" fmla="*/ 2019436 h 6858000"/>
              <a:gd name="connsiteX4099" fmla="*/ 2885570 w 6858000"/>
              <a:gd name="connsiteY4099" fmla="*/ 2017252 h 6858000"/>
              <a:gd name="connsiteX4100" fmla="*/ 2759661 w 6858000"/>
              <a:gd name="connsiteY4100" fmla="*/ 2016620 h 6858000"/>
              <a:gd name="connsiteX4101" fmla="*/ 2759661 w 6858000"/>
              <a:gd name="connsiteY4101" fmla="*/ 2020102 h 6858000"/>
              <a:gd name="connsiteX4102" fmla="*/ 2763142 w 6858000"/>
              <a:gd name="connsiteY4102" fmla="*/ 2020102 h 6858000"/>
              <a:gd name="connsiteX4103" fmla="*/ 2763142 w 6858000"/>
              <a:gd name="connsiteY4103" fmla="*/ 2016620 h 6858000"/>
              <a:gd name="connsiteX4104" fmla="*/ 2635530 w 6858000"/>
              <a:gd name="connsiteY4104" fmla="*/ 2015546 h 6858000"/>
              <a:gd name="connsiteX4105" fmla="*/ 2635530 w 6858000"/>
              <a:gd name="connsiteY4105" fmla="*/ 2021176 h 6858000"/>
              <a:gd name="connsiteX4106" fmla="*/ 2641159 w 6858000"/>
              <a:gd name="connsiteY4106" fmla="*/ 2021176 h 6858000"/>
              <a:gd name="connsiteX4107" fmla="*/ 2641159 w 6858000"/>
              <a:gd name="connsiteY4107" fmla="*/ 2015546 h 6858000"/>
              <a:gd name="connsiteX4108" fmla="*/ 2510732 w 6858000"/>
              <a:gd name="connsiteY4108" fmla="*/ 2013806 h 6858000"/>
              <a:gd name="connsiteX4109" fmla="*/ 2510732 w 6858000"/>
              <a:gd name="connsiteY4109" fmla="*/ 2022917 h 6858000"/>
              <a:gd name="connsiteX4110" fmla="*/ 2519842 w 6858000"/>
              <a:gd name="connsiteY4110" fmla="*/ 2022917 h 6858000"/>
              <a:gd name="connsiteX4111" fmla="*/ 2519842 w 6858000"/>
              <a:gd name="connsiteY4111" fmla="*/ 2013806 h 6858000"/>
              <a:gd name="connsiteX4112" fmla="*/ 2385490 w 6858000"/>
              <a:gd name="connsiteY4112" fmla="*/ 2011621 h 6858000"/>
              <a:gd name="connsiteX4113" fmla="*/ 2385490 w 6858000"/>
              <a:gd name="connsiteY4113" fmla="*/ 2025099 h 6858000"/>
              <a:gd name="connsiteX4114" fmla="*/ 2398970 w 6858000"/>
              <a:gd name="connsiteY4114" fmla="*/ 2025099 h 6858000"/>
              <a:gd name="connsiteX4115" fmla="*/ 2398970 w 6858000"/>
              <a:gd name="connsiteY4115" fmla="*/ 2011621 h 6858000"/>
              <a:gd name="connsiteX4116" fmla="*/ 2259803 w 6858000"/>
              <a:gd name="connsiteY4116" fmla="*/ 2009031 h 6858000"/>
              <a:gd name="connsiteX4117" fmla="*/ 2259803 w 6858000"/>
              <a:gd name="connsiteY4117" fmla="*/ 2027693 h 6858000"/>
              <a:gd name="connsiteX4118" fmla="*/ 2278467 w 6858000"/>
              <a:gd name="connsiteY4118" fmla="*/ 2027693 h 6858000"/>
              <a:gd name="connsiteX4119" fmla="*/ 2278467 w 6858000"/>
              <a:gd name="connsiteY4119" fmla="*/ 2009031 h 6858000"/>
              <a:gd name="connsiteX4120" fmla="*/ 2133709 w 6858000"/>
              <a:gd name="connsiteY4120" fmla="*/ 2005956 h 6858000"/>
              <a:gd name="connsiteX4121" fmla="*/ 2133709 w 6858000"/>
              <a:gd name="connsiteY4121" fmla="*/ 2030730 h 6858000"/>
              <a:gd name="connsiteX4122" fmla="*/ 2158483 w 6858000"/>
              <a:gd name="connsiteY4122" fmla="*/ 2030730 h 6858000"/>
              <a:gd name="connsiteX4123" fmla="*/ 2158483 w 6858000"/>
              <a:gd name="connsiteY4123" fmla="*/ 2005956 h 6858000"/>
              <a:gd name="connsiteX4124" fmla="*/ 2007615 w 6858000"/>
              <a:gd name="connsiteY4124" fmla="*/ 2002919 h 6858000"/>
              <a:gd name="connsiteX4125" fmla="*/ 2007615 w 6858000"/>
              <a:gd name="connsiteY4125" fmla="*/ 2033765 h 6858000"/>
              <a:gd name="connsiteX4126" fmla="*/ 2038463 w 6858000"/>
              <a:gd name="connsiteY4126" fmla="*/ 2033765 h 6858000"/>
              <a:gd name="connsiteX4127" fmla="*/ 2038463 w 6858000"/>
              <a:gd name="connsiteY4127" fmla="*/ 2002919 h 6858000"/>
              <a:gd name="connsiteX4128" fmla="*/ 1881299 w 6858000"/>
              <a:gd name="connsiteY4128" fmla="*/ 1999658 h 6858000"/>
              <a:gd name="connsiteX4129" fmla="*/ 1881299 w 6858000"/>
              <a:gd name="connsiteY4129" fmla="*/ 2037027 h 6858000"/>
              <a:gd name="connsiteX4130" fmla="*/ 1918664 w 6858000"/>
              <a:gd name="connsiteY4130" fmla="*/ 2037027 h 6858000"/>
              <a:gd name="connsiteX4131" fmla="*/ 1918664 w 6858000"/>
              <a:gd name="connsiteY4131" fmla="*/ 1999658 h 6858000"/>
              <a:gd name="connsiteX4132" fmla="*/ 1754761 w 6858000"/>
              <a:gd name="connsiteY4132" fmla="*/ 1996214 h 6858000"/>
              <a:gd name="connsiteX4133" fmla="*/ 1754761 w 6858000"/>
              <a:gd name="connsiteY4133" fmla="*/ 2040505 h 6858000"/>
              <a:gd name="connsiteX4134" fmla="*/ 1799051 w 6858000"/>
              <a:gd name="connsiteY4134" fmla="*/ 2040505 h 6858000"/>
              <a:gd name="connsiteX4135" fmla="*/ 1799051 w 6858000"/>
              <a:gd name="connsiteY4135" fmla="*/ 1996214 h 6858000"/>
              <a:gd name="connsiteX4136" fmla="*/ 1628222 w 6858000"/>
              <a:gd name="connsiteY4136" fmla="*/ 1992733 h 6858000"/>
              <a:gd name="connsiteX4137" fmla="*/ 1628222 w 6858000"/>
              <a:gd name="connsiteY4137" fmla="*/ 2043987 h 6858000"/>
              <a:gd name="connsiteX4138" fmla="*/ 1679474 w 6858000"/>
              <a:gd name="connsiteY4138" fmla="*/ 2043987 h 6858000"/>
              <a:gd name="connsiteX4139" fmla="*/ 1679474 w 6858000"/>
              <a:gd name="connsiteY4139" fmla="*/ 1992733 h 6858000"/>
              <a:gd name="connsiteX4140" fmla="*/ 1501684 w 6858000"/>
              <a:gd name="connsiteY4140" fmla="*/ 1989256 h 6858000"/>
              <a:gd name="connsiteX4141" fmla="*/ 1501684 w 6858000"/>
              <a:gd name="connsiteY4141" fmla="*/ 2047469 h 6858000"/>
              <a:gd name="connsiteX4142" fmla="*/ 1559898 w 6858000"/>
              <a:gd name="connsiteY4142" fmla="*/ 2047469 h 6858000"/>
              <a:gd name="connsiteX4143" fmla="*/ 1559898 w 6858000"/>
              <a:gd name="connsiteY4143" fmla="*/ 1989256 h 6858000"/>
              <a:gd name="connsiteX4144" fmla="*/ 1375368 w 6858000"/>
              <a:gd name="connsiteY4144" fmla="*/ 1985993 h 6858000"/>
              <a:gd name="connsiteX4145" fmla="*/ 1375368 w 6858000"/>
              <a:gd name="connsiteY4145" fmla="*/ 2050726 h 6858000"/>
              <a:gd name="connsiteX4146" fmla="*/ 1440100 w 6858000"/>
              <a:gd name="connsiteY4146" fmla="*/ 2050726 h 6858000"/>
              <a:gd name="connsiteX4147" fmla="*/ 1440100 w 6858000"/>
              <a:gd name="connsiteY4147" fmla="*/ 1985993 h 6858000"/>
              <a:gd name="connsiteX4148" fmla="*/ 1249274 w 6858000"/>
              <a:gd name="connsiteY4148" fmla="*/ 1982959 h 6858000"/>
              <a:gd name="connsiteX4149" fmla="*/ 1249274 w 6858000"/>
              <a:gd name="connsiteY4149" fmla="*/ 2053763 h 6858000"/>
              <a:gd name="connsiteX4150" fmla="*/ 1320079 w 6858000"/>
              <a:gd name="connsiteY4150" fmla="*/ 2053763 h 6858000"/>
              <a:gd name="connsiteX4151" fmla="*/ 1320079 w 6858000"/>
              <a:gd name="connsiteY4151" fmla="*/ 1982959 h 6858000"/>
              <a:gd name="connsiteX4152" fmla="*/ 1123180 w 6858000"/>
              <a:gd name="connsiteY4152" fmla="*/ 1979921 h 6858000"/>
              <a:gd name="connsiteX4153" fmla="*/ 1123180 w 6858000"/>
              <a:gd name="connsiteY4153" fmla="*/ 2056799 h 6858000"/>
              <a:gd name="connsiteX4154" fmla="*/ 1200058 w 6858000"/>
              <a:gd name="connsiteY4154" fmla="*/ 2056799 h 6858000"/>
              <a:gd name="connsiteX4155" fmla="*/ 1200058 w 6858000"/>
              <a:gd name="connsiteY4155" fmla="*/ 1979921 h 6858000"/>
              <a:gd name="connsiteX4156" fmla="*/ 997308 w 6858000"/>
              <a:gd name="connsiteY4156" fmla="*/ 1977105 h 6858000"/>
              <a:gd name="connsiteX4157" fmla="*/ 997308 w 6858000"/>
              <a:gd name="connsiteY4157" fmla="*/ 2059616 h 6858000"/>
              <a:gd name="connsiteX4158" fmla="*/ 1079815 w 6858000"/>
              <a:gd name="connsiteY4158" fmla="*/ 2059616 h 6858000"/>
              <a:gd name="connsiteX4159" fmla="*/ 1079815 w 6858000"/>
              <a:gd name="connsiteY4159" fmla="*/ 1977105 h 6858000"/>
              <a:gd name="connsiteX4160" fmla="*/ 871844 w 6858000"/>
              <a:gd name="connsiteY4160" fmla="*/ 1974737 h 6858000"/>
              <a:gd name="connsiteX4161" fmla="*/ 871844 w 6858000"/>
              <a:gd name="connsiteY4161" fmla="*/ 2062024 h 6858000"/>
              <a:gd name="connsiteX4162" fmla="*/ 959128 w 6858000"/>
              <a:gd name="connsiteY4162" fmla="*/ 2062024 h 6858000"/>
              <a:gd name="connsiteX4163" fmla="*/ 959128 w 6858000"/>
              <a:gd name="connsiteY4163" fmla="*/ 1974737 h 6858000"/>
              <a:gd name="connsiteX4164" fmla="*/ 746602 w 6858000"/>
              <a:gd name="connsiteY4164" fmla="*/ 1972513 h 6858000"/>
              <a:gd name="connsiteX4165" fmla="*/ 746602 w 6858000"/>
              <a:gd name="connsiteY4165" fmla="*/ 2064169 h 6858000"/>
              <a:gd name="connsiteX4166" fmla="*/ 838256 w 6858000"/>
              <a:gd name="connsiteY4166" fmla="*/ 2064169 h 6858000"/>
              <a:gd name="connsiteX4167" fmla="*/ 838256 w 6858000"/>
              <a:gd name="connsiteY4167" fmla="*/ 1972513 h 6858000"/>
              <a:gd name="connsiteX4168" fmla="*/ 622026 w 6858000"/>
              <a:gd name="connsiteY4168" fmla="*/ 1970995 h 6858000"/>
              <a:gd name="connsiteX4169" fmla="*/ 622026 w 6858000"/>
              <a:gd name="connsiteY4169" fmla="*/ 2065690 h 6858000"/>
              <a:gd name="connsiteX4170" fmla="*/ 716717 w 6858000"/>
              <a:gd name="connsiteY4170" fmla="*/ 2065690 h 6858000"/>
              <a:gd name="connsiteX4171" fmla="*/ 716717 w 6858000"/>
              <a:gd name="connsiteY4171" fmla="*/ 1970995 h 6858000"/>
              <a:gd name="connsiteX4172" fmla="*/ 497672 w 6858000"/>
              <a:gd name="connsiteY4172" fmla="*/ 1969699 h 6858000"/>
              <a:gd name="connsiteX4173" fmla="*/ 497672 w 6858000"/>
              <a:gd name="connsiteY4173" fmla="*/ 2066982 h 6858000"/>
              <a:gd name="connsiteX4174" fmla="*/ 594955 w 6858000"/>
              <a:gd name="connsiteY4174" fmla="*/ 2066982 h 6858000"/>
              <a:gd name="connsiteX4175" fmla="*/ 594955 w 6858000"/>
              <a:gd name="connsiteY4175" fmla="*/ 1969699 h 6858000"/>
              <a:gd name="connsiteX4176" fmla="*/ 373949 w 6858000"/>
              <a:gd name="connsiteY4176" fmla="*/ 1969073 h 6858000"/>
              <a:gd name="connsiteX4177" fmla="*/ 373949 w 6858000"/>
              <a:gd name="connsiteY4177" fmla="*/ 2067652 h 6858000"/>
              <a:gd name="connsiteX4178" fmla="*/ 472528 w 6858000"/>
              <a:gd name="connsiteY4178" fmla="*/ 2067652 h 6858000"/>
              <a:gd name="connsiteX4179" fmla="*/ 472528 w 6858000"/>
              <a:gd name="connsiteY4179" fmla="*/ 1969073 h 6858000"/>
              <a:gd name="connsiteX4180" fmla="*/ 4777 w 6858000"/>
              <a:gd name="connsiteY4180" fmla="*/ 1969073 h 6858000"/>
              <a:gd name="connsiteX4181" fmla="*/ 4777 w 6858000"/>
              <a:gd name="connsiteY4181" fmla="*/ 2067652 h 6858000"/>
              <a:gd name="connsiteX4182" fmla="*/ 103356 w 6858000"/>
              <a:gd name="connsiteY4182" fmla="*/ 2067652 h 6858000"/>
              <a:gd name="connsiteX4183" fmla="*/ 103356 w 6858000"/>
              <a:gd name="connsiteY4183" fmla="*/ 1969073 h 6858000"/>
              <a:gd name="connsiteX4184" fmla="*/ 250262 w 6858000"/>
              <a:gd name="connsiteY4184" fmla="*/ 1968405 h 6858000"/>
              <a:gd name="connsiteX4185" fmla="*/ 250262 w 6858000"/>
              <a:gd name="connsiteY4185" fmla="*/ 2068317 h 6858000"/>
              <a:gd name="connsiteX4186" fmla="*/ 350174 w 6858000"/>
              <a:gd name="connsiteY4186" fmla="*/ 2068317 h 6858000"/>
              <a:gd name="connsiteX4187" fmla="*/ 350174 w 6858000"/>
              <a:gd name="connsiteY4187" fmla="*/ 1968405 h 6858000"/>
              <a:gd name="connsiteX4188" fmla="*/ 126760 w 6858000"/>
              <a:gd name="connsiteY4188" fmla="*/ 1967957 h 6858000"/>
              <a:gd name="connsiteX4189" fmla="*/ 126760 w 6858000"/>
              <a:gd name="connsiteY4189" fmla="*/ 2068725 h 6858000"/>
              <a:gd name="connsiteX4190" fmla="*/ 227524 w 6858000"/>
              <a:gd name="connsiteY4190" fmla="*/ 2068725 h 6858000"/>
              <a:gd name="connsiteX4191" fmla="*/ 227524 w 6858000"/>
              <a:gd name="connsiteY4191" fmla="*/ 1967957 h 6858000"/>
              <a:gd name="connsiteX4192" fmla="*/ 3499523 w 6858000"/>
              <a:gd name="connsiteY4192" fmla="*/ 1895081 h 6858000"/>
              <a:gd name="connsiteX4193" fmla="*/ 3499523 w 6858000"/>
              <a:gd name="connsiteY4193" fmla="*/ 1895523 h 6858000"/>
              <a:gd name="connsiteX4194" fmla="*/ 3499967 w 6858000"/>
              <a:gd name="connsiteY4194" fmla="*/ 1895523 h 6858000"/>
              <a:gd name="connsiteX4195" fmla="*/ 3499967 w 6858000"/>
              <a:gd name="connsiteY4195" fmla="*/ 1895081 h 6858000"/>
              <a:gd name="connsiteX4196" fmla="*/ 3376466 w 6858000"/>
              <a:gd name="connsiteY4196" fmla="*/ 1895081 h 6858000"/>
              <a:gd name="connsiteX4197" fmla="*/ 3376466 w 6858000"/>
              <a:gd name="connsiteY4197" fmla="*/ 1895523 h 6858000"/>
              <a:gd name="connsiteX4198" fmla="*/ 3376910 w 6858000"/>
              <a:gd name="connsiteY4198" fmla="*/ 1895523 h 6858000"/>
              <a:gd name="connsiteX4199" fmla="*/ 3376910 w 6858000"/>
              <a:gd name="connsiteY4199" fmla="*/ 1895081 h 6858000"/>
              <a:gd name="connsiteX4200" fmla="*/ 3253408 w 6858000"/>
              <a:gd name="connsiteY4200" fmla="*/ 1895081 h 6858000"/>
              <a:gd name="connsiteX4201" fmla="*/ 3253408 w 6858000"/>
              <a:gd name="connsiteY4201" fmla="*/ 1895523 h 6858000"/>
              <a:gd name="connsiteX4202" fmla="*/ 3253852 w 6858000"/>
              <a:gd name="connsiteY4202" fmla="*/ 1895523 h 6858000"/>
              <a:gd name="connsiteX4203" fmla="*/ 3253852 w 6858000"/>
              <a:gd name="connsiteY4203" fmla="*/ 1895081 h 6858000"/>
              <a:gd name="connsiteX4204" fmla="*/ 3130351 w 6858000"/>
              <a:gd name="connsiteY4204" fmla="*/ 1895081 h 6858000"/>
              <a:gd name="connsiteX4205" fmla="*/ 3130351 w 6858000"/>
              <a:gd name="connsiteY4205" fmla="*/ 1895523 h 6858000"/>
              <a:gd name="connsiteX4206" fmla="*/ 3130795 w 6858000"/>
              <a:gd name="connsiteY4206" fmla="*/ 1895523 h 6858000"/>
              <a:gd name="connsiteX4207" fmla="*/ 3130795 w 6858000"/>
              <a:gd name="connsiteY4207" fmla="*/ 1895081 h 6858000"/>
              <a:gd name="connsiteX4208" fmla="*/ 3007294 w 6858000"/>
              <a:gd name="connsiteY4208" fmla="*/ 1895081 h 6858000"/>
              <a:gd name="connsiteX4209" fmla="*/ 3007294 w 6858000"/>
              <a:gd name="connsiteY4209" fmla="*/ 1895523 h 6858000"/>
              <a:gd name="connsiteX4210" fmla="*/ 3007738 w 6858000"/>
              <a:gd name="connsiteY4210" fmla="*/ 1895523 h 6858000"/>
              <a:gd name="connsiteX4211" fmla="*/ 3007738 w 6858000"/>
              <a:gd name="connsiteY4211" fmla="*/ 1895081 h 6858000"/>
              <a:gd name="connsiteX4212" fmla="*/ 2883792 w 6858000"/>
              <a:gd name="connsiteY4212" fmla="*/ 1894635 h 6858000"/>
              <a:gd name="connsiteX4213" fmla="*/ 2883792 w 6858000"/>
              <a:gd name="connsiteY4213" fmla="*/ 1895930 h 6858000"/>
              <a:gd name="connsiteX4214" fmla="*/ 2885088 w 6858000"/>
              <a:gd name="connsiteY4214" fmla="*/ 1895930 h 6858000"/>
              <a:gd name="connsiteX4215" fmla="*/ 2885088 w 6858000"/>
              <a:gd name="connsiteY4215" fmla="*/ 1894635 h 6858000"/>
              <a:gd name="connsiteX4216" fmla="*/ 2760105 w 6858000"/>
              <a:gd name="connsiteY4216" fmla="*/ 1894008 h 6858000"/>
              <a:gd name="connsiteX4217" fmla="*/ 2760105 w 6858000"/>
              <a:gd name="connsiteY4217" fmla="*/ 1896598 h 6858000"/>
              <a:gd name="connsiteX4218" fmla="*/ 2762697 w 6858000"/>
              <a:gd name="connsiteY4218" fmla="*/ 1896598 h 6858000"/>
              <a:gd name="connsiteX4219" fmla="*/ 2762697 w 6858000"/>
              <a:gd name="connsiteY4219" fmla="*/ 1894008 h 6858000"/>
              <a:gd name="connsiteX4220" fmla="*/ 2635937 w 6858000"/>
              <a:gd name="connsiteY4220" fmla="*/ 1892894 h 6858000"/>
              <a:gd name="connsiteX4221" fmla="*/ 2635937 w 6858000"/>
              <a:gd name="connsiteY4221" fmla="*/ 1897672 h 6858000"/>
              <a:gd name="connsiteX4222" fmla="*/ 2640714 w 6858000"/>
              <a:gd name="connsiteY4222" fmla="*/ 1897672 h 6858000"/>
              <a:gd name="connsiteX4223" fmla="*/ 2640714 w 6858000"/>
              <a:gd name="connsiteY4223" fmla="*/ 1892894 h 6858000"/>
              <a:gd name="connsiteX4224" fmla="*/ 2511139 w 6858000"/>
              <a:gd name="connsiteY4224" fmla="*/ 1891153 h 6858000"/>
              <a:gd name="connsiteX4225" fmla="*/ 2511139 w 6858000"/>
              <a:gd name="connsiteY4225" fmla="*/ 1899413 h 6858000"/>
              <a:gd name="connsiteX4226" fmla="*/ 2519397 w 6858000"/>
              <a:gd name="connsiteY4226" fmla="*/ 1899413 h 6858000"/>
              <a:gd name="connsiteX4227" fmla="*/ 2519397 w 6858000"/>
              <a:gd name="connsiteY4227" fmla="*/ 1891153 h 6858000"/>
              <a:gd name="connsiteX4228" fmla="*/ 2385712 w 6858000"/>
              <a:gd name="connsiteY4228" fmla="*/ 1888786 h 6858000"/>
              <a:gd name="connsiteX4229" fmla="*/ 2385712 w 6858000"/>
              <a:gd name="connsiteY4229" fmla="*/ 1901821 h 6858000"/>
              <a:gd name="connsiteX4230" fmla="*/ 2398747 w 6858000"/>
              <a:gd name="connsiteY4230" fmla="*/ 1901821 h 6858000"/>
              <a:gd name="connsiteX4231" fmla="*/ 2398747 w 6858000"/>
              <a:gd name="connsiteY4231" fmla="*/ 1888786 h 6858000"/>
              <a:gd name="connsiteX4232" fmla="*/ 2259803 w 6858000"/>
              <a:gd name="connsiteY4232" fmla="*/ 1885970 h 6858000"/>
              <a:gd name="connsiteX4233" fmla="*/ 2259803 w 6858000"/>
              <a:gd name="connsiteY4233" fmla="*/ 1904636 h 6858000"/>
              <a:gd name="connsiteX4234" fmla="*/ 2278467 w 6858000"/>
              <a:gd name="connsiteY4234" fmla="*/ 1904636 h 6858000"/>
              <a:gd name="connsiteX4235" fmla="*/ 2278467 w 6858000"/>
              <a:gd name="connsiteY4235" fmla="*/ 1885970 h 6858000"/>
              <a:gd name="connsiteX4236" fmla="*/ 2133487 w 6858000"/>
              <a:gd name="connsiteY4236" fmla="*/ 1882712 h 6858000"/>
              <a:gd name="connsiteX4237" fmla="*/ 2133487 w 6858000"/>
              <a:gd name="connsiteY4237" fmla="*/ 1907894 h 6858000"/>
              <a:gd name="connsiteX4238" fmla="*/ 2158669 w 6858000"/>
              <a:gd name="connsiteY4238" fmla="*/ 1907894 h 6858000"/>
              <a:gd name="connsiteX4239" fmla="*/ 2158669 w 6858000"/>
              <a:gd name="connsiteY4239" fmla="*/ 1882712 h 6858000"/>
              <a:gd name="connsiteX4240" fmla="*/ 2007171 w 6858000"/>
              <a:gd name="connsiteY4240" fmla="*/ 1879450 h 6858000"/>
              <a:gd name="connsiteX4241" fmla="*/ 2007171 w 6858000"/>
              <a:gd name="connsiteY4241" fmla="*/ 1911151 h 6858000"/>
              <a:gd name="connsiteX4242" fmla="*/ 2038870 w 6858000"/>
              <a:gd name="connsiteY4242" fmla="*/ 1911151 h 6858000"/>
              <a:gd name="connsiteX4243" fmla="*/ 2038870 w 6858000"/>
              <a:gd name="connsiteY4243" fmla="*/ 1879450 h 6858000"/>
              <a:gd name="connsiteX4244" fmla="*/ 1880632 w 6858000"/>
              <a:gd name="connsiteY4244" fmla="*/ 1875973 h 6858000"/>
              <a:gd name="connsiteX4245" fmla="*/ 1880632 w 6858000"/>
              <a:gd name="connsiteY4245" fmla="*/ 1914633 h 6858000"/>
              <a:gd name="connsiteX4246" fmla="*/ 1919293 w 6858000"/>
              <a:gd name="connsiteY4246" fmla="*/ 1914633 h 6858000"/>
              <a:gd name="connsiteX4247" fmla="*/ 1919293 w 6858000"/>
              <a:gd name="connsiteY4247" fmla="*/ 1875973 h 6858000"/>
              <a:gd name="connsiteX4248" fmla="*/ 1754131 w 6858000"/>
              <a:gd name="connsiteY4248" fmla="*/ 1872492 h 6858000"/>
              <a:gd name="connsiteX4249" fmla="*/ 1754131 w 6858000"/>
              <a:gd name="connsiteY4249" fmla="*/ 1918078 h 6858000"/>
              <a:gd name="connsiteX4250" fmla="*/ 1799717 w 6858000"/>
              <a:gd name="connsiteY4250" fmla="*/ 1918078 h 6858000"/>
              <a:gd name="connsiteX4251" fmla="*/ 1799717 w 6858000"/>
              <a:gd name="connsiteY4251" fmla="*/ 1872492 h 6858000"/>
              <a:gd name="connsiteX4252" fmla="*/ 1627371 w 6858000"/>
              <a:gd name="connsiteY4252" fmla="*/ 1868785 h 6858000"/>
              <a:gd name="connsiteX4253" fmla="*/ 1627371 w 6858000"/>
              <a:gd name="connsiteY4253" fmla="*/ 1921779 h 6858000"/>
              <a:gd name="connsiteX4254" fmla="*/ 1680364 w 6858000"/>
              <a:gd name="connsiteY4254" fmla="*/ 1921779 h 6858000"/>
              <a:gd name="connsiteX4255" fmla="*/ 1680364 w 6858000"/>
              <a:gd name="connsiteY4255" fmla="*/ 1868785 h 6858000"/>
              <a:gd name="connsiteX4256" fmla="*/ 1500610 w 6858000"/>
              <a:gd name="connsiteY4256" fmla="*/ 1865121 h 6858000"/>
              <a:gd name="connsiteX4257" fmla="*/ 1500610 w 6858000"/>
              <a:gd name="connsiteY4257" fmla="*/ 1925485 h 6858000"/>
              <a:gd name="connsiteX4258" fmla="*/ 1560972 w 6858000"/>
              <a:gd name="connsiteY4258" fmla="*/ 1925485 h 6858000"/>
              <a:gd name="connsiteX4259" fmla="*/ 1560972 w 6858000"/>
              <a:gd name="connsiteY4259" fmla="*/ 1865121 h 6858000"/>
              <a:gd name="connsiteX4260" fmla="*/ 1374072 w 6858000"/>
              <a:gd name="connsiteY4260" fmla="*/ 1861641 h 6858000"/>
              <a:gd name="connsiteX4261" fmla="*/ 1374072 w 6858000"/>
              <a:gd name="connsiteY4261" fmla="*/ 1928963 h 6858000"/>
              <a:gd name="connsiteX4262" fmla="*/ 1441396 w 6858000"/>
              <a:gd name="connsiteY4262" fmla="*/ 1928963 h 6858000"/>
              <a:gd name="connsiteX4263" fmla="*/ 1441396 w 6858000"/>
              <a:gd name="connsiteY4263" fmla="*/ 1861641 h 6858000"/>
              <a:gd name="connsiteX4264" fmla="*/ 1247756 w 6858000"/>
              <a:gd name="connsiteY4264" fmla="*/ 1858381 h 6858000"/>
              <a:gd name="connsiteX4265" fmla="*/ 1247756 w 6858000"/>
              <a:gd name="connsiteY4265" fmla="*/ 1932224 h 6858000"/>
              <a:gd name="connsiteX4266" fmla="*/ 1321598 w 6858000"/>
              <a:gd name="connsiteY4266" fmla="*/ 1932224 h 6858000"/>
              <a:gd name="connsiteX4267" fmla="*/ 1321598 w 6858000"/>
              <a:gd name="connsiteY4267" fmla="*/ 1858381 h 6858000"/>
              <a:gd name="connsiteX4268" fmla="*/ 1121439 w 6858000"/>
              <a:gd name="connsiteY4268" fmla="*/ 1855124 h 6858000"/>
              <a:gd name="connsiteX4269" fmla="*/ 1121439 w 6858000"/>
              <a:gd name="connsiteY4269" fmla="*/ 1935482 h 6858000"/>
              <a:gd name="connsiteX4270" fmla="*/ 1201798 w 6858000"/>
              <a:gd name="connsiteY4270" fmla="*/ 1935482 h 6858000"/>
              <a:gd name="connsiteX4271" fmla="*/ 1201798 w 6858000"/>
              <a:gd name="connsiteY4271" fmla="*/ 1855124 h 6858000"/>
              <a:gd name="connsiteX4272" fmla="*/ 995568 w 6858000"/>
              <a:gd name="connsiteY4272" fmla="*/ 1852309 h 6858000"/>
              <a:gd name="connsiteX4273" fmla="*/ 995568 w 6858000"/>
              <a:gd name="connsiteY4273" fmla="*/ 1938296 h 6858000"/>
              <a:gd name="connsiteX4274" fmla="*/ 1081556 w 6858000"/>
              <a:gd name="connsiteY4274" fmla="*/ 1938296 h 6858000"/>
              <a:gd name="connsiteX4275" fmla="*/ 1081556 w 6858000"/>
              <a:gd name="connsiteY4275" fmla="*/ 1852309 h 6858000"/>
              <a:gd name="connsiteX4276" fmla="*/ 869881 w 6858000"/>
              <a:gd name="connsiteY4276" fmla="*/ 1849678 h 6858000"/>
              <a:gd name="connsiteX4277" fmla="*/ 869881 w 6858000"/>
              <a:gd name="connsiteY4277" fmla="*/ 1940888 h 6858000"/>
              <a:gd name="connsiteX4278" fmla="*/ 961091 w 6858000"/>
              <a:gd name="connsiteY4278" fmla="*/ 1940888 h 6858000"/>
              <a:gd name="connsiteX4279" fmla="*/ 961091 w 6858000"/>
              <a:gd name="connsiteY4279" fmla="*/ 1849678 h 6858000"/>
              <a:gd name="connsiteX4280" fmla="*/ 744676 w 6858000"/>
              <a:gd name="connsiteY4280" fmla="*/ 1847529 h 6858000"/>
              <a:gd name="connsiteX4281" fmla="*/ 744676 w 6858000"/>
              <a:gd name="connsiteY4281" fmla="*/ 1943072 h 6858000"/>
              <a:gd name="connsiteX4282" fmla="*/ 840219 w 6858000"/>
              <a:gd name="connsiteY4282" fmla="*/ 1943072 h 6858000"/>
              <a:gd name="connsiteX4283" fmla="*/ 840219 w 6858000"/>
              <a:gd name="connsiteY4283" fmla="*/ 1847529 h 6858000"/>
              <a:gd name="connsiteX4284" fmla="*/ 619878 w 6858000"/>
              <a:gd name="connsiteY4284" fmla="*/ 1845788 h 6858000"/>
              <a:gd name="connsiteX4285" fmla="*/ 619878 w 6858000"/>
              <a:gd name="connsiteY4285" fmla="*/ 1944814 h 6858000"/>
              <a:gd name="connsiteX4286" fmla="*/ 718902 w 6858000"/>
              <a:gd name="connsiteY4286" fmla="*/ 1944814 h 6858000"/>
              <a:gd name="connsiteX4287" fmla="*/ 718902 w 6858000"/>
              <a:gd name="connsiteY4287" fmla="*/ 1845788 h 6858000"/>
              <a:gd name="connsiteX4288" fmla="*/ 495932 w 6858000"/>
              <a:gd name="connsiteY4288" fmla="*/ 1844903 h 6858000"/>
              <a:gd name="connsiteX4289" fmla="*/ 495932 w 6858000"/>
              <a:gd name="connsiteY4289" fmla="*/ 1945665 h 6858000"/>
              <a:gd name="connsiteX4290" fmla="*/ 596696 w 6858000"/>
              <a:gd name="connsiteY4290" fmla="*/ 1945665 h 6858000"/>
              <a:gd name="connsiteX4291" fmla="*/ 596696 w 6858000"/>
              <a:gd name="connsiteY4291" fmla="*/ 1844903 h 6858000"/>
              <a:gd name="connsiteX4292" fmla="*/ 3258 w 6858000"/>
              <a:gd name="connsiteY4292" fmla="*/ 1844494 h 6858000"/>
              <a:gd name="connsiteX4293" fmla="*/ 3258 w 6858000"/>
              <a:gd name="connsiteY4293" fmla="*/ 1946110 h 6858000"/>
              <a:gd name="connsiteX4294" fmla="*/ 104874 w 6858000"/>
              <a:gd name="connsiteY4294" fmla="*/ 1946110 h 6858000"/>
              <a:gd name="connsiteX4295" fmla="*/ 104874 w 6858000"/>
              <a:gd name="connsiteY4295" fmla="*/ 1844494 h 6858000"/>
              <a:gd name="connsiteX4296" fmla="*/ 371986 w 6858000"/>
              <a:gd name="connsiteY4296" fmla="*/ 1844049 h 6858000"/>
              <a:gd name="connsiteX4297" fmla="*/ 371986 w 6858000"/>
              <a:gd name="connsiteY4297" fmla="*/ 1946554 h 6858000"/>
              <a:gd name="connsiteX4298" fmla="*/ 474491 w 6858000"/>
              <a:gd name="connsiteY4298" fmla="*/ 1946554 h 6858000"/>
              <a:gd name="connsiteX4299" fmla="*/ 474491 w 6858000"/>
              <a:gd name="connsiteY4299" fmla="*/ 1844049 h 6858000"/>
              <a:gd name="connsiteX4300" fmla="*/ 248521 w 6858000"/>
              <a:gd name="connsiteY4300" fmla="*/ 1843605 h 6858000"/>
              <a:gd name="connsiteX4301" fmla="*/ 248521 w 6858000"/>
              <a:gd name="connsiteY4301" fmla="*/ 1946963 h 6858000"/>
              <a:gd name="connsiteX4302" fmla="*/ 351877 w 6858000"/>
              <a:gd name="connsiteY4302" fmla="*/ 1946963 h 6858000"/>
              <a:gd name="connsiteX4303" fmla="*/ 351877 w 6858000"/>
              <a:gd name="connsiteY4303" fmla="*/ 1843605 h 6858000"/>
              <a:gd name="connsiteX4304" fmla="*/ 125242 w 6858000"/>
              <a:gd name="connsiteY4304" fmla="*/ 1843382 h 6858000"/>
              <a:gd name="connsiteX4305" fmla="*/ 125242 w 6858000"/>
              <a:gd name="connsiteY4305" fmla="*/ 1947183 h 6858000"/>
              <a:gd name="connsiteX4306" fmla="*/ 229043 w 6858000"/>
              <a:gd name="connsiteY4306" fmla="*/ 1947183 h 6858000"/>
              <a:gd name="connsiteX4307" fmla="*/ 229043 w 6858000"/>
              <a:gd name="connsiteY4307" fmla="*/ 1843382 h 6858000"/>
              <a:gd name="connsiteX4308" fmla="*/ 3253408 w 6858000"/>
              <a:gd name="connsiteY4308" fmla="*/ 1772021 h 6858000"/>
              <a:gd name="connsiteX4309" fmla="*/ 3253408 w 6858000"/>
              <a:gd name="connsiteY4309" fmla="*/ 1772464 h 6858000"/>
              <a:gd name="connsiteX4310" fmla="*/ 3253852 w 6858000"/>
              <a:gd name="connsiteY4310" fmla="*/ 1772464 h 6858000"/>
              <a:gd name="connsiteX4311" fmla="*/ 3253852 w 6858000"/>
              <a:gd name="connsiteY4311" fmla="*/ 1772021 h 6858000"/>
              <a:gd name="connsiteX4312" fmla="*/ 3130351 w 6858000"/>
              <a:gd name="connsiteY4312" fmla="*/ 1772021 h 6858000"/>
              <a:gd name="connsiteX4313" fmla="*/ 3130351 w 6858000"/>
              <a:gd name="connsiteY4313" fmla="*/ 1772464 h 6858000"/>
              <a:gd name="connsiteX4314" fmla="*/ 3130795 w 6858000"/>
              <a:gd name="connsiteY4314" fmla="*/ 1772464 h 6858000"/>
              <a:gd name="connsiteX4315" fmla="*/ 3130795 w 6858000"/>
              <a:gd name="connsiteY4315" fmla="*/ 1772021 h 6858000"/>
              <a:gd name="connsiteX4316" fmla="*/ 3007294 w 6858000"/>
              <a:gd name="connsiteY4316" fmla="*/ 1772021 h 6858000"/>
              <a:gd name="connsiteX4317" fmla="*/ 3007294 w 6858000"/>
              <a:gd name="connsiteY4317" fmla="*/ 1772464 h 6858000"/>
              <a:gd name="connsiteX4318" fmla="*/ 3007738 w 6858000"/>
              <a:gd name="connsiteY4318" fmla="*/ 1772464 h 6858000"/>
              <a:gd name="connsiteX4319" fmla="*/ 3007738 w 6858000"/>
              <a:gd name="connsiteY4319" fmla="*/ 1772021 h 6858000"/>
              <a:gd name="connsiteX4320" fmla="*/ 2884237 w 6858000"/>
              <a:gd name="connsiteY4320" fmla="*/ 1772021 h 6858000"/>
              <a:gd name="connsiteX4321" fmla="*/ 2884237 w 6858000"/>
              <a:gd name="connsiteY4321" fmla="*/ 1772464 h 6858000"/>
              <a:gd name="connsiteX4322" fmla="*/ 2884681 w 6858000"/>
              <a:gd name="connsiteY4322" fmla="*/ 1772464 h 6858000"/>
              <a:gd name="connsiteX4323" fmla="*/ 2884681 w 6858000"/>
              <a:gd name="connsiteY4323" fmla="*/ 1772021 h 6858000"/>
              <a:gd name="connsiteX4324" fmla="*/ 2760735 w 6858000"/>
              <a:gd name="connsiteY4324" fmla="*/ 1771576 h 6858000"/>
              <a:gd name="connsiteX4325" fmla="*/ 2760735 w 6858000"/>
              <a:gd name="connsiteY4325" fmla="*/ 1772876 h 6858000"/>
              <a:gd name="connsiteX4326" fmla="*/ 2762031 w 6858000"/>
              <a:gd name="connsiteY4326" fmla="*/ 1772876 h 6858000"/>
              <a:gd name="connsiteX4327" fmla="*/ 2762031 w 6858000"/>
              <a:gd name="connsiteY4327" fmla="*/ 1771576 h 6858000"/>
              <a:gd name="connsiteX4328" fmla="*/ 2636381 w 6858000"/>
              <a:gd name="connsiteY4328" fmla="*/ 1770244 h 6858000"/>
              <a:gd name="connsiteX4329" fmla="*/ 2636381 w 6858000"/>
              <a:gd name="connsiteY4329" fmla="*/ 1774169 h 6858000"/>
              <a:gd name="connsiteX4330" fmla="*/ 2640306 w 6858000"/>
              <a:gd name="connsiteY4330" fmla="*/ 1774169 h 6858000"/>
              <a:gd name="connsiteX4331" fmla="*/ 2640306 w 6858000"/>
              <a:gd name="connsiteY4331" fmla="*/ 1770244 h 6858000"/>
              <a:gd name="connsiteX4332" fmla="*/ 2511584 w 6858000"/>
              <a:gd name="connsiteY4332" fmla="*/ 1768539 h 6858000"/>
              <a:gd name="connsiteX4333" fmla="*/ 2511584 w 6858000"/>
              <a:gd name="connsiteY4333" fmla="*/ 1775910 h 6858000"/>
              <a:gd name="connsiteX4334" fmla="*/ 2518953 w 6858000"/>
              <a:gd name="connsiteY4334" fmla="*/ 1775910 h 6858000"/>
              <a:gd name="connsiteX4335" fmla="*/ 2518953 w 6858000"/>
              <a:gd name="connsiteY4335" fmla="*/ 1768539 h 6858000"/>
              <a:gd name="connsiteX4336" fmla="*/ 2385712 w 6858000"/>
              <a:gd name="connsiteY4336" fmla="*/ 1765725 h 6858000"/>
              <a:gd name="connsiteX4337" fmla="*/ 2385712 w 6858000"/>
              <a:gd name="connsiteY4337" fmla="*/ 1778761 h 6858000"/>
              <a:gd name="connsiteX4338" fmla="*/ 2398747 w 6858000"/>
              <a:gd name="connsiteY4338" fmla="*/ 1778761 h 6858000"/>
              <a:gd name="connsiteX4339" fmla="*/ 2398747 w 6858000"/>
              <a:gd name="connsiteY4339" fmla="*/ 1765725 h 6858000"/>
              <a:gd name="connsiteX4340" fmla="*/ 2259618 w 6858000"/>
              <a:gd name="connsiteY4340" fmla="*/ 1762686 h 6858000"/>
              <a:gd name="connsiteX4341" fmla="*/ 2259618 w 6858000"/>
              <a:gd name="connsiteY4341" fmla="*/ 1781798 h 6858000"/>
              <a:gd name="connsiteX4342" fmla="*/ 2278726 w 6858000"/>
              <a:gd name="connsiteY4342" fmla="*/ 1781798 h 6858000"/>
              <a:gd name="connsiteX4343" fmla="*/ 2278726 w 6858000"/>
              <a:gd name="connsiteY4343" fmla="*/ 1762686 h 6858000"/>
              <a:gd name="connsiteX4344" fmla="*/ 2133302 w 6858000"/>
              <a:gd name="connsiteY4344" fmla="*/ 1759429 h 6858000"/>
              <a:gd name="connsiteX4345" fmla="*/ 2133302 w 6858000"/>
              <a:gd name="connsiteY4345" fmla="*/ 1785055 h 6858000"/>
              <a:gd name="connsiteX4346" fmla="*/ 2158928 w 6858000"/>
              <a:gd name="connsiteY4346" fmla="*/ 1785055 h 6858000"/>
              <a:gd name="connsiteX4347" fmla="*/ 2158928 w 6858000"/>
              <a:gd name="connsiteY4347" fmla="*/ 1759429 h 6858000"/>
              <a:gd name="connsiteX4348" fmla="*/ 2006763 w 6858000"/>
              <a:gd name="connsiteY4348" fmla="*/ 1755910 h 6858000"/>
              <a:gd name="connsiteX4349" fmla="*/ 2006763 w 6858000"/>
              <a:gd name="connsiteY4349" fmla="*/ 1788501 h 6858000"/>
              <a:gd name="connsiteX4350" fmla="*/ 2039351 w 6858000"/>
              <a:gd name="connsiteY4350" fmla="*/ 1788501 h 6858000"/>
              <a:gd name="connsiteX4351" fmla="*/ 2039351 w 6858000"/>
              <a:gd name="connsiteY4351" fmla="*/ 1755910 h 6858000"/>
              <a:gd name="connsiteX4352" fmla="*/ 1880225 w 6858000"/>
              <a:gd name="connsiteY4352" fmla="*/ 1752468 h 6858000"/>
              <a:gd name="connsiteX4353" fmla="*/ 1880225 w 6858000"/>
              <a:gd name="connsiteY4353" fmla="*/ 1791983 h 6858000"/>
              <a:gd name="connsiteX4354" fmla="*/ 1919738 w 6858000"/>
              <a:gd name="connsiteY4354" fmla="*/ 1791983 h 6858000"/>
              <a:gd name="connsiteX4355" fmla="*/ 1919738 w 6858000"/>
              <a:gd name="connsiteY4355" fmla="*/ 1752468 h 6858000"/>
              <a:gd name="connsiteX4356" fmla="*/ 1753242 w 6858000"/>
              <a:gd name="connsiteY4356" fmla="*/ 1748579 h 6858000"/>
              <a:gd name="connsiteX4357" fmla="*/ 1753242 w 6858000"/>
              <a:gd name="connsiteY4357" fmla="*/ 1795908 h 6858000"/>
              <a:gd name="connsiteX4358" fmla="*/ 1800569 w 6858000"/>
              <a:gd name="connsiteY4358" fmla="*/ 1795908 h 6858000"/>
              <a:gd name="connsiteX4359" fmla="*/ 1800569 w 6858000"/>
              <a:gd name="connsiteY4359" fmla="*/ 1748579 h 6858000"/>
              <a:gd name="connsiteX4360" fmla="*/ 1626482 w 6858000"/>
              <a:gd name="connsiteY4360" fmla="*/ 1744875 h 6858000"/>
              <a:gd name="connsiteX4361" fmla="*/ 1626482 w 6858000"/>
              <a:gd name="connsiteY4361" fmla="*/ 1799610 h 6858000"/>
              <a:gd name="connsiteX4362" fmla="*/ 1681215 w 6858000"/>
              <a:gd name="connsiteY4362" fmla="*/ 1799610 h 6858000"/>
              <a:gd name="connsiteX4363" fmla="*/ 1681215 w 6858000"/>
              <a:gd name="connsiteY4363" fmla="*/ 1744875 h 6858000"/>
              <a:gd name="connsiteX4364" fmla="*/ 1499758 w 6858000"/>
              <a:gd name="connsiteY4364" fmla="*/ 1741174 h 6858000"/>
              <a:gd name="connsiteX4365" fmla="*/ 1499758 w 6858000"/>
              <a:gd name="connsiteY4365" fmla="*/ 1803275 h 6858000"/>
              <a:gd name="connsiteX4366" fmla="*/ 1561861 w 6858000"/>
              <a:gd name="connsiteY4366" fmla="*/ 1803275 h 6858000"/>
              <a:gd name="connsiteX4367" fmla="*/ 1561861 w 6858000"/>
              <a:gd name="connsiteY4367" fmla="*/ 1741174 h 6858000"/>
              <a:gd name="connsiteX4368" fmla="*/ 1372998 w 6858000"/>
              <a:gd name="connsiteY4368" fmla="*/ 1737468 h 6858000"/>
              <a:gd name="connsiteX4369" fmla="*/ 1372998 w 6858000"/>
              <a:gd name="connsiteY4369" fmla="*/ 1806979 h 6858000"/>
              <a:gd name="connsiteX4370" fmla="*/ 1442507 w 6858000"/>
              <a:gd name="connsiteY4370" fmla="*/ 1806979 h 6858000"/>
              <a:gd name="connsiteX4371" fmla="*/ 1442507 w 6858000"/>
              <a:gd name="connsiteY4371" fmla="*/ 1737468 h 6858000"/>
              <a:gd name="connsiteX4372" fmla="*/ 1246459 w 6858000"/>
              <a:gd name="connsiteY4372" fmla="*/ 1734027 h 6858000"/>
              <a:gd name="connsiteX4373" fmla="*/ 1246459 w 6858000"/>
              <a:gd name="connsiteY4373" fmla="*/ 1810463 h 6858000"/>
              <a:gd name="connsiteX4374" fmla="*/ 1322893 w 6858000"/>
              <a:gd name="connsiteY4374" fmla="*/ 1810463 h 6858000"/>
              <a:gd name="connsiteX4375" fmla="*/ 1322893 w 6858000"/>
              <a:gd name="connsiteY4375" fmla="*/ 1734027 h 6858000"/>
              <a:gd name="connsiteX4376" fmla="*/ 1119921 w 6858000"/>
              <a:gd name="connsiteY4376" fmla="*/ 1730545 h 6858000"/>
              <a:gd name="connsiteX4377" fmla="*/ 1119921 w 6858000"/>
              <a:gd name="connsiteY4377" fmla="*/ 1813942 h 6858000"/>
              <a:gd name="connsiteX4378" fmla="*/ 1203317 w 6858000"/>
              <a:gd name="connsiteY4378" fmla="*/ 1813942 h 6858000"/>
              <a:gd name="connsiteX4379" fmla="*/ 1203317 w 6858000"/>
              <a:gd name="connsiteY4379" fmla="*/ 1730545 h 6858000"/>
              <a:gd name="connsiteX4380" fmla="*/ 993827 w 6858000"/>
              <a:gd name="connsiteY4380" fmla="*/ 1727507 h 6858000"/>
              <a:gd name="connsiteX4381" fmla="*/ 993827 w 6858000"/>
              <a:gd name="connsiteY4381" fmla="*/ 1816978 h 6858000"/>
              <a:gd name="connsiteX4382" fmla="*/ 1083296 w 6858000"/>
              <a:gd name="connsiteY4382" fmla="*/ 1816978 h 6858000"/>
              <a:gd name="connsiteX4383" fmla="*/ 1083296 w 6858000"/>
              <a:gd name="connsiteY4383" fmla="*/ 1727507 h 6858000"/>
              <a:gd name="connsiteX4384" fmla="*/ 867918 w 6858000"/>
              <a:gd name="connsiteY4384" fmla="*/ 1724654 h 6858000"/>
              <a:gd name="connsiteX4385" fmla="*/ 867918 w 6858000"/>
              <a:gd name="connsiteY4385" fmla="*/ 1819792 h 6858000"/>
              <a:gd name="connsiteX4386" fmla="*/ 963053 w 6858000"/>
              <a:gd name="connsiteY4386" fmla="*/ 1819792 h 6858000"/>
              <a:gd name="connsiteX4387" fmla="*/ 963053 w 6858000"/>
              <a:gd name="connsiteY4387" fmla="*/ 1724654 h 6858000"/>
              <a:gd name="connsiteX4388" fmla="*/ 742713 w 6858000"/>
              <a:gd name="connsiteY4388" fmla="*/ 1722508 h 6858000"/>
              <a:gd name="connsiteX4389" fmla="*/ 742713 w 6858000"/>
              <a:gd name="connsiteY4389" fmla="*/ 1821974 h 6858000"/>
              <a:gd name="connsiteX4390" fmla="*/ 842181 w 6858000"/>
              <a:gd name="connsiteY4390" fmla="*/ 1821974 h 6858000"/>
              <a:gd name="connsiteX4391" fmla="*/ 842181 w 6858000"/>
              <a:gd name="connsiteY4391" fmla="*/ 1722508 h 6858000"/>
              <a:gd name="connsiteX4392" fmla="*/ 618138 w 6858000"/>
              <a:gd name="connsiteY4392" fmla="*/ 1720992 h 6858000"/>
              <a:gd name="connsiteX4393" fmla="*/ 618138 w 6858000"/>
              <a:gd name="connsiteY4393" fmla="*/ 1823497 h 6858000"/>
              <a:gd name="connsiteX4394" fmla="*/ 720643 w 6858000"/>
              <a:gd name="connsiteY4394" fmla="*/ 1823497 h 6858000"/>
              <a:gd name="connsiteX4395" fmla="*/ 720643 w 6858000"/>
              <a:gd name="connsiteY4395" fmla="*/ 1720992 h 6858000"/>
              <a:gd name="connsiteX4396" fmla="*/ 494191 w 6858000"/>
              <a:gd name="connsiteY4396" fmla="*/ 1720102 h 6858000"/>
              <a:gd name="connsiteX4397" fmla="*/ 494191 w 6858000"/>
              <a:gd name="connsiteY4397" fmla="*/ 1824348 h 6858000"/>
              <a:gd name="connsiteX4398" fmla="*/ 598436 w 6858000"/>
              <a:gd name="connsiteY4398" fmla="*/ 1824348 h 6858000"/>
              <a:gd name="connsiteX4399" fmla="*/ 598436 w 6858000"/>
              <a:gd name="connsiteY4399" fmla="*/ 1720102 h 6858000"/>
              <a:gd name="connsiteX4400" fmla="*/ 1962 w 6858000"/>
              <a:gd name="connsiteY4400" fmla="*/ 1720102 h 6858000"/>
              <a:gd name="connsiteX4401" fmla="*/ 1962 w 6858000"/>
              <a:gd name="connsiteY4401" fmla="*/ 1824348 h 6858000"/>
              <a:gd name="connsiteX4402" fmla="*/ 106207 w 6858000"/>
              <a:gd name="connsiteY4402" fmla="*/ 1824348 h 6858000"/>
              <a:gd name="connsiteX4403" fmla="*/ 106207 w 6858000"/>
              <a:gd name="connsiteY4403" fmla="*/ 1720102 h 6858000"/>
              <a:gd name="connsiteX4404" fmla="*/ 370468 w 6858000"/>
              <a:gd name="connsiteY4404" fmla="*/ 1719474 h 6858000"/>
              <a:gd name="connsiteX4405" fmla="*/ 370468 w 6858000"/>
              <a:gd name="connsiteY4405" fmla="*/ 1825015 h 6858000"/>
              <a:gd name="connsiteX4406" fmla="*/ 476009 w 6858000"/>
              <a:gd name="connsiteY4406" fmla="*/ 1825015 h 6858000"/>
              <a:gd name="connsiteX4407" fmla="*/ 476009 w 6858000"/>
              <a:gd name="connsiteY4407" fmla="*/ 1719474 h 6858000"/>
              <a:gd name="connsiteX4408" fmla="*/ 247003 w 6858000"/>
              <a:gd name="connsiteY4408" fmla="*/ 1719027 h 6858000"/>
              <a:gd name="connsiteX4409" fmla="*/ 247003 w 6858000"/>
              <a:gd name="connsiteY4409" fmla="*/ 1825422 h 6858000"/>
              <a:gd name="connsiteX4410" fmla="*/ 353396 w 6858000"/>
              <a:gd name="connsiteY4410" fmla="*/ 1825422 h 6858000"/>
              <a:gd name="connsiteX4411" fmla="*/ 353396 w 6858000"/>
              <a:gd name="connsiteY4411" fmla="*/ 1719027 h 6858000"/>
              <a:gd name="connsiteX4412" fmla="*/ 123723 w 6858000"/>
              <a:gd name="connsiteY4412" fmla="*/ 1718804 h 6858000"/>
              <a:gd name="connsiteX4413" fmla="*/ 123723 w 6858000"/>
              <a:gd name="connsiteY4413" fmla="*/ 1825646 h 6858000"/>
              <a:gd name="connsiteX4414" fmla="*/ 230560 w 6858000"/>
              <a:gd name="connsiteY4414" fmla="*/ 1825646 h 6858000"/>
              <a:gd name="connsiteX4415" fmla="*/ 230560 w 6858000"/>
              <a:gd name="connsiteY4415" fmla="*/ 1718804 h 6858000"/>
              <a:gd name="connsiteX4416" fmla="*/ 3130351 w 6858000"/>
              <a:gd name="connsiteY4416" fmla="*/ 1648925 h 6858000"/>
              <a:gd name="connsiteX4417" fmla="*/ 3130351 w 6858000"/>
              <a:gd name="connsiteY4417" fmla="*/ 1649369 h 6858000"/>
              <a:gd name="connsiteX4418" fmla="*/ 3130795 w 6858000"/>
              <a:gd name="connsiteY4418" fmla="*/ 1649369 h 6858000"/>
              <a:gd name="connsiteX4419" fmla="*/ 3130795 w 6858000"/>
              <a:gd name="connsiteY4419" fmla="*/ 1648925 h 6858000"/>
              <a:gd name="connsiteX4420" fmla="*/ 3007294 w 6858000"/>
              <a:gd name="connsiteY4420" fmla="*/ 1648925 h 6858000"/>
              <a:gd name="connsiteX4421" fmla="*/ 3007294 w 6858000"/>
              <a:gd name="connsiteY4421" fmla="*/ 1649369 h 6858000"/>
              <a:gd name="connsiteX4422" fmla="*/ 3007738 w 6858000"/>
              <a:gd name="connsiteY4422" fmla="*/ 1649369 h 6858000"/>
              <a:gd name="connsiteX4423" fmla="*/ 3007738 w 6858000"/>
              <a:gd name="connsiteY4423" fmla="*/ 1648925 h 6858000"/>
              <a:gd name="connsiteX4424" fmla="*/ 2884237 w 6858000"/>
              <a:gd name="connsiteY4424" fmla="*/ 1648925 h 6858000"/>
              <a:gd name="connsiteX4425" fmla="*/ 2884237 w 6858000"/>
              <a:gd name="connsiteY4425" fmla="*/ 1649369 h 6858000"/>
              <a:gd name="connsiteX4426" fmla="*/ 2884681 w 6858000"/>
              <a:gd name="connsiteY4426" fmla="*/ 1649369 h 6858000"/>
              <a:gd name="connsiteX4427" fmla="*/ 2884681 w 6858000"/>
              <a:gd name="connsiteY4427" fmla="*/ 1648925 h 6858000"/>
              <a:gd name="connsiteX4428" fmla="*/ 2761179 w 6858000"/>
              <a:gd name="connsiteY4428" fmla="*/ 1648925 h 6858000"/>
              <a:gd name="connsiteX4429" fmla="*/ 2761179 w 6858000"/>
              <a:gd name="connsiteY4429" fmla="*/ 1649369 h 6858000"/>
              <a:gd name="connsiteX4430" fmla="*/ 2761623 w 6858000"/>
              <a:gd name="connsiteY4430" fmla="*/ 1649369 h 6858000"/>
              <a:gd name="connsiteX4431" fmla="*/ 2761623 w 6858000"/>
              <a:gd name="connsiteY4431" fmla="*/ 1648925 h 6858000"/>
              <a:gd name="connsiteX4432" fmla="*/ 2636826 w 6858000"/>
              <a:gd name="connsiteY4432" fmla="*/ 1647666 h 6858000"/>
              <a:gd name="connsiteX4433" fmla="*/ 2636826 w 6858000"/>
              <a:gd name="connsiteY4433" fmla="*/ 1650702 h 6858000"/>
              <a:gd name="connsiteX4434" fmla="*/ 2639863 w 6858000"/>
              <a:gd name="connsiteY4434" fmla="*/ 1650702 h 6858000"/>
              <a:gd name="connsiteX4435" fmla="*/ 2639863 w 6858000"/>
              <a:gd name="connsiteY4435" fmla="*/ 1647666 h 6858000"/>
              <a:gd name="connsiteX4436" fmla="*/ 2511584 w 6858000"/>
              <a:gd name="connsiteY4436" fmla="*/ 1645479 h 6858000"/>
              <a:gd name="connsiteX4437" fmla="*/ 2511584 w 6858000"/>
              <a:gd name="connsiteY4437" fmla="*/ 1652850 h 6858000"/>
              <a:gd name="connsiteX4438" fmla="*/ 2518953 w 6858000"/>
              <a:gd name="connsiteY4438" fmla="*/ 1652850 h 6858000"/>
              <a:gd name="connsiteX4439" fmla="*/ 2518953 w 6858000"/>
              <a:gd name="connsiteY4439" fmla="*/ 1645479 h 6858000"/>
              <a:gd name="connsiteX4440" fmla="*/ 2385490 w 6858000"/>
              <a:gd name="connsiteY4440" fmla="*/ 1642409 h 6858000"/>
              <a:gd name="connsiteX4441" fmla="*/ 2385490 w 6858000"/>
              <a:gd name="connsiteY4441" fmla="*/ 1655888 h 6858000"/>
              <a:gd name="connsiteX4442" fmla="*/ 2398970 w 6858000"/>
              <a:gd name="connsiteY4442" fmla="*/ 1655888 h 6858000"/>
              <a:gd name="connsiteX4443" fmla="*/ 2398970 w 6858000"/>
              <a:gd name="connsiteY4443" fmla="*/ 1642409 h 6858000"/>
              <a:gd name="connsiteX4444" fmla="*/ 2259173 w 6858000"/>
              <a:gd name="connsiteY4444" fmla="*/ 1639151 h 6858000"/>
              <a:gd name="connsiteX4445" fmla="*/ 2259173 w 6858000"/>
              <a:gd name="connsiteY4445" fmla="*/ 1659144 h 6858000"/>
              <a:gd name="connsiteX4446" fmla="*/ 2279170 w 6858000"/>
              <a:gd name="connsiteY4446" fmla="*/ 1659144 h 6858000"/>
              <a:gd name="connsiteX4447" fmla="*/ 2279170 w 6858000"/>
              <a:gd name="connsiteY4447" fmla="*/ 1639151 h 6858000"/>
              <a:gd name="connsiteX4448" fmla="*/ 2133080 w 6858000"/>
              <a:gd name="connsiteY4448" fmla="*/ 1636111 h 6858000"/>
              <a:gd name="connsiteX4449" fmla="*/ 2133080 w 6858000"/>
              <a:gd name="connsiteY4449" fmla="*/ 1662183 h 6858000"/>
              <a:gd name="connsiteX4450" fmla="*/ 2159150 w 6858000"/>
              <a:gd name="connsiteY4450" fmla="*/ 1662183 h 6858000"/>
              <a:gd name="connsiteX4451" fmla="*/ 2159150 w 6858000"/>
              <a:gd name="connsiteY4451" fmla="*/ 1636111 h 6858000"/>
              <a:gd name="connsiteX4452" fmla="*/ 2006319 w 6858000"/>
              <a:gd name="connsiteY4452" fmla="*/ 1632448 h 6858000"/>
              <a:gd name="connsiteX4453" fmla="*/ 2006319 w 6858000"/>
              <a:gd name="connsiteY4453" fmla="*/ 1665886 h 6858000"/>
              <a:gd name="connsiteX4454" fmla="*/ 2039759 w 6858000"/>
              <a:gd name="connsiteY4454" fmla="*/ 1665886 h 6858000"/>
              <a:gd name="connsiteX4455" fmla="*/ 2039759 w 6858000"/>
              <a:gd name="connsiteY4455" fmla="*/ 1632448 h 6858000"/>
              <a:gd name="connsiteX4456" fmla="*/ 1879558 w 6858000"/>
              <a:gd name="connsiteY4456" fmla="*/ 1628778 h 6858000"/>
              <a:gd name="connsiteX4457" fmla="*/ 1879558 w 6858000"/>
              <a:gd name="connsiteY4457" fmla="*/ 1669590 h 6858000"/>
              <a:gd name="connsiteX4458" fmla="*/ 1920367 w 6858000"/>
              <a:gd name="connsiteY4458" fmla="*/ 1669590 h 6858000"/>
              <a:gd name="connsiteX4459" fmla="*/ 1920367 w 6858000"/>
              <a:gd name="connsiteY4459" fmla="*/ 1628778 h 6858000"/>
              <a:gd name="connsiteX4460" fmla="*/ 1752576 w 6858000"/>
              <a:gd name="connsiteY4460" fmla="*/ 1624818 h 6858000"/>
              <a:gd name="connsiteX4461" fmla="*/ 1752576 w 6858000"/>
              <a:gd name="connsiteY4461" fmla="*/ 1673480 h 6858000"/>
              <a:gd name="connsiteX4462" fmla="*/ 1801236 w 6858000"/>
              <a:gd name="connsiteY4462" fmla="*/ 1673480 h 6858000"/>
              <a:gd name="connsiteX4463" fmla="*/ 1801236 w 6858000"/>
              <a:gd name="connsiteY4463" fmla="*/ 1624818 h 6858000"/>
              <a:gd name="connsiteX4464" fmla="*/ 1625630 w 6858000"/>
              <a:gd name="connsiteY4464" fmla="*/ 1620928 h 6858000"/>
              <a:gd name="connsiteX4465" fmla="*/ 1625630 w 6858000"/>
              <a:gd name="connsiteY4465" fmla="*/ 1677403 h 6858000"/>
              <a:gd name="connsiteX4466" fmla="*/ 1682104 w 6858000"/>
              <a:gd name="connsiteY4466" fmla="*/ 1677403 h 6858000"/>
              <a:gd name="connsiteX4467" fmla="*/ 1682104 w 6858000"/>
              <a:gd name="connsiteY4467" fmla="*/ 1620928 h 6858000"/>
              <a:gd name="connsiteX4468" fmla="*/ 1498870 w 6858000"/>
              <a:gd name="connsiteY4468" fmla="*/ 1617263 h 6858000"/>
              <a:gd name="connsiteX4469" fmla="*/ 1498870 w 6858000"/>
              <a:gd name="connsiteY4469" fmla="*/ 1681105 h 6858000"/>
              <a:gd name="connsiteX4470" fmla="*/ 1562713 w 6858000"/>
              <a:gd name="connsiteY4470" fmla="*/ 1681105 h 6858000"/>
              <a:gd name="connsiteX4471" fmla="*/ 1562713 w 6858000"/>
              <a:gd name="connsiteY4471" fmla="*/ 1617263 h 6858000"/>
              <a:gd name="connsiteX4472" fmla="*/ 1371887 w 6858000"/>
              <a:gd name="connsiteY4472" fmla="*/ 1613339 h 6858000"/>
              <a:gd name="connsiteX4473" fmla="*/ 1371887 w 6858000"/>
              <a:gd name="connsiteY4473" fmla="*/ 1684994 h 6858000"/>
              <a:gd name="connsiteX4474" fmla="*/ 1443544 w 6858000"/>
              <a:gd name="connsiteY4474" fmla="*/ 1684994 h 6858000"/>
              <a:gd name="connsiteX4475" fmla="*/ 1443544 w 6858000"/>
              <a:gd name="connsiteY4475" fmla="*/ 1613339 h 6858000"/>
              <a:gd name="connsiteX4476" fmla="*/ 1245386 w 6858000"/>
              <a:gd name="connsiteY4476" fmla="*/ 1609857 h 6858000"/>
              <a:gd name="connsiteX4477" fmla="*/ 1245386 w 6858000"/>
              <a:gd name="connsiteY4477" fmla="*/ 1688476 h 6858000"/>
              <a:gd name="connsiteX4478" fmla="*/ 1324005 w 6858000"/>
              <a:gd name="connsiteY4478" fmla="*/ 1688476 h 6858000"/>
              <a:gd name="connsiteX4479" fmla="*/ 1324005 w 6858000"/>
              <a:gd name="connsiteY4479" fmla="*/ 1609857 h 6858000"/>
              <a:gd name="connsiteX4480" fmla="*/ 1118847 w 6858000"/>
              <a:gd name="connsiteY4480" fmla="*/ 1606375 h 6858000"/>
              <a:gd name="connsiteX4481" fmla="*/ 1118847 w 6858000"/>
              <a:gd name="connsiteY4481" fmla="*/ 1691957 h 6858000"/>
              <a:gd name="connsiteX4482" fmla="*/ 1204428 w 6858000"/>
              <a:gd name="connsiteY4482" fmla="*/ 1691957 h 6858000"/>
              <a:gd name="connsiteX4483" fmla="*/ 1204428 w 6858000"/>
              <a:gd name="connsiteY4483" fmla="*/ 1606375 h 6858000"/>
              <a:gd name="connsiteX4484" fmla="*/ 992531 w 6858000"/>
              <a:gd name="connsiteY4484" fmla="*/ 1603155 h 6858000"/>
              <a:gd name="connsiteX4485" fmla="*/ 992531 w 6858000"/>
              <a:gd name="connsiteY4485" fmla="*/ 1695216 h 6858000"/>
              <a:gd name="connsiteX4486" fmla="*/ 1084592 w 6858000"/>
              <a:gd name="connsiteY4486" fmla="*/ 1695216 h 6858000"/>
              <a:gd name="connsiteX4487" fmla="*/ 1084592 w 6858000"/>
              <a:gd name="connsiteY4487" fmla="*/ 1603155 h 6858000"/>
              <a:gd name="connsiteX4488" fmla="*/ 866400 w 6858000"/>
              <a:gd name="connsiteY4488" fmla="*/ 1600080 h 6858000"/>
              <a:gd name="connsiteX4489" fmla="*/ 866400 w 6858000"/>
              <a:gd name="connsiteY4489" fmla="*/ 1698253 h 6858000"/>
              <a:gd name="connsiteX4490" fmla="*/ 964572 w 6858000"/>
              <a:gd name="connsiteY4490" fmla="*/ 1698253 h 6858000"/>
              <a:gd name="connsiteX4491" fmla="*/ 964572 w 6858000"/>
              <a:gd name="connsiteY4491" fmla="*/ 1600080 h 6858000"/>
              <a:gd name="connsiteX4492" fmla="*/ 740973 w 6858000"/>
              <a:gd name="connsiteY4492" fmla="*/ 1597672 h 6858000"/>
              <a:gd name="connsiteX4493" fmla="*/ 740973 w 6858000"/>
              <a:gd name="connsiteY4493" fmla="*/ 1700622 h 6858000"/>
              <a:gd name="connsiteX4494" fmla="*/ 843922 w 6858000"/>
              <a:gd name="connsiteY4494" fmla="*/ 1700622 h 6858000"/>
              <a:gd name="connsiteX4495" fmla="*/ 843922 w 6858000"/>
              <a:gd name="connsiteY4495" fmla="*/ 1597672 h 6858000"/>
              <a:gd name="connsiteX4496" fmla="*/ 616619 w 6858000"/>
              <a:gd name="connsiteY4496" fmla="*/ 1596414 h 6858000"/>
              <a:gd name="connsiteX4497" fmla="*/ 616619 w 6858000"/>
              <a:gd name="connsiteY4497" fmla="*/ 1701954 h 6858000"/>
              <a:gd name="connsiteX4498" fmla="*/ 722160 w 6858000"/>
              <a:gd name="connsiteY4498" fmla="*/ 1701954 h 6858000"/>
              <a:gd name="connsiteX4499" fmla="*/ 722160 w 6858000"/>
              <a:gd name="connsiteY4499" fmla="*/ 1596414 h 6858000"/>
              <a:gd name="connsiteX4500" fmla="*/ 1073 w 6858000"/>
              <a:gd name="connsiteY4500" fmla="*/ 1596154 h 6858000"/>
              <a:gd name="connsiteX4501" fmla="*/ 1073 w 6858000"/>
              <a:gd name="connsiteY4501" fmla="*/ 1702142 h 6858000"/>
              <a:gd name="connsiteX4502" fmla="*/ 107059 w 6858000"/>
              <a:gd name="connsiteY4502" fmla="*/ 1702142 h 6858000"/>
              <a:gd name="connsiteX4503" fmla="*/ 107059 w 6858000"/>
              <a:gd name="connsiteY4503" fmla="*/ 1596154 h 6858000"/>
              <a:gd name="connsiteX4504" fmla="*/ 492895 w 6858000"/>
              <a:gd name="connsiteY4504" fmla="*/ 1595747 h 6858000"/>
              <a:gd name="connsiteX4505" fmla="*/ 492895 w 6858000"/>
              <a:gd name="connsiteY4505" fmla="*/ 1702584 h 6858000"/>
              <a:gd name="connsiteX4506" fmla="*/ 599732 w 6858000"/>
              <a:gd name="connsiteY4506" fmla="*/ 1702584 h 6858000"/>
              <a:gd name="connsiteX4507" fmla="*/ 599732 w 6858000"/>
              <a:gd name="connsiteY4507" fmla="*/ 1595747 h 6858000"/>
              <a:gd name="connsiteX4508" fmla="*/ 369171 w 6858000"/>
              <a:gd name="connsiteY4508" fmla="*/ 1595117 h 6858000"/>
              <a:gd name="connsiteX4509" fmla="*/ 369171 w 6858000"/>
              <a:gd name="connsiteY4509" fmla="*/ 1703253 h 6858000"/>
              <a:gd name="connsiteX4510" fmla="*/ 477304 w 6858000"/>
              <a:gd name="connsiteY4510" fmla="*/ 1703253 h 6858000"/>
              <a:gd name="connsiteX4511" fmla="*/ 477304 w 6858000"/>
              <a:gd name="connsiteY4511" fmla="*/ 1595117 h 6858000"/>
              <a:gd name="connsiteX4512" fmla="*/ 245892 w 6858000"/>
              <a:gd name="connsiteY4512" fmla="*/ 1594897 h 6858000"/>
              <a:gd name="connsiteX4513" fmla="*/ 245892 w 6858000"/>
              <a:gd name="connsiteY4513" fmla="*/ 1703475 h 6858000"/>
              <a:gd name="connsiteX4514" fmla="*/ 354470 w 6858000"/>
              <a:gd name="connsiteY4514" fmla="*/ 1703475 h 6858000"/>
              <a:gd name="connsiteX4515" fmla="*/ 354470 w 6858000"/>
              <a:gd name="connsiteY4515" fmla="*/ 1594897 h 6858000"/>
              <a:gd name="connsiteX4516" fmla="*/ 122835 w 6858000"/>
              <a:gd name="connsiteY4516" fmla="*/ 1594897 h 6858000"/>
              <a:gd name="connsiteX4517" fmla="*/ 122835 w 6858000"/>
              <a:gd name="connsiteY4517" fmla="*/ 1703475 h 6858000"/>
              <a:gd name="connsiteX4518" fmla="*/ 231413 w 6858000"/>
              <a:gd name="connsiteY4518" fmla="*/ 1703475 h 6858000"/>
              <a:gd name="connsiteX4519" fmla="*/ 231413 w 6858000"/>
              <a:gd name="connsiteY4519" fmla="*/ 1594897 h 6858000"/>
              <a:gd name="connsiteX4520" fmla="*/ 3622617 w 6858000"/>
              <a:gd name="connsiteY4520" fmla="*/ 1525867 h 6858000"/>
              <a:gd name="connsiteX4521" fmla="*/ 3622617 w 6858000"/>
              <a:gd name="connsiteY4521" fmla="*/ 1526310 h 6858000"/>
              <a:gd name="connsiteX4522" fmla="*/ 3623061 w 6858000"/>
              <a:gd name="connsiteY4522" fmla="*/ 1526310 h 6858000"/>
              <a:gd name="connsiteX4523" fmla="*/ 3623061 w 6858000"/>
              <a:gd name="connsiteY4523" fmla="*/ 1525867 h 6858000"/>
              <a:gd name="connsiteX4524" fmla="*/ 3499523 w 6858000"/>
              <a:gd name="connsiteY4524" fmla="*/ 1525867 h 6858000"/>
              <a:gd name="connsiteX4525" fmla="*/ 3499523 w 6858000"/>
              <a:gd name="connsiteY4525" fmla="*/ 1526312 h 6858000"/>
              <a:gd name="connsiteX4526" fmla="*/ 3499967 w 6858000"/>
              <a:gd name="connsiteY4526" fmla="*/ 1526312 h 6858000"/>
              <a:gd name="connsiteX4527" fmla="*/ 3499967 w 6858000"/>
              <a:gd name="connsiteY4527" fmla="*/ 1525867 h 6858000"/>
              <a:gd name="connsiteX4528" fmla="*/ 3376466 w 6858000"/>
              <a:gd name="connsiteY4528" fmla="*/ 1525867 h 6858000"/>
              <a:gd name="connsiteX4529" fmla="*/ 3376466 w 6858000"/>
              <a:gd name="connsiteY4529" fmla="*/ 1526312 h 6858000"/>
              <a:gd name="connsiteX4530" fmla="*/ 3376910 w 6858000"/>
              <a:gd name="connsiteY4530" fmla="*/ 1526312 h 6858000"/>
              <a:gd name="connsiteX4531" fmla="*/ 3376910 w 6858000"/>
              <a:gd name="connsiteY4531" fmla="*/ 1525867 h 6858000"/>
              <a:gd name="connsiteX4532" fmla="*/ 3253408 w 6858000"/>
              <a:gd name="connsiteY4532" fmla="*/ 1525867 h 6858000"/>
              <a:gd name="connsiteX4533" fmla="*/ 3253408 w 6858000"/>
              <a:gd name="connsiteY4533" fmla="*/ 1526312 h 6858000"/>
              <a:gd name="connsiteX4534" fmla="*/ 3253852 w 6858000"/>
              <a:gd name="connsiteY4534" fmla="*/ 1526312 h 6858000"/>
              <a:gd name="connsiteX4535" fmla="*/ 3253852 w 6858000"/>
              <a:gd name="connsiteY4535" fmla="*/ 1525867 h 6858000"/>
              <a:gd name="connsiteX4536" fmla="*/ 3130351 w 6858000"/>
              <a:gd name="connsiteY4536" fmla="*/ 1525867 h 6858000"/>
              <a:gd name="connsiteX4537" fmla="*/ 3130351 w 6858000"/>
              <a:gd name="connsiteY4537" fmla="*/ 1526312 h 6858000"/>
              <a:gd name="connsiteX4538" fmla="*/ 3130795 w 6858000"/>
              <a:gd name="connsiteY4538" fmla="*/ 1526312 h 6858000"/>
              <a:gd name="connsiteX4539" fmla="*/ 3130795 w 6858000"/>
              <a:gd name="connsiteY4539" fmla="*/ 1525867 h 6858000"/>
              <a:gd name="connsiteX4540" fmla="*/ 3007294 w 6858000"/>
              <a:gd name="connsiteY4540" fmla="*/ 1525867 h 6858000"/>
              <a:gd name="connsiteX4541" fmla="*/ 3007294 w 6858000"/>
              <a:gd name="connsiteY4541" fmla="*/ 1526312 h 6858000"/>
              <a:gd name="connsiteX4542" fmla="*/ 3007738 w 6858000"/>
              <a:gd name="connsiteY4542" fmla="*/ 1526312 h 6858000"/>
              <a:gd name="connsiteX4543" fmla="*/ 3007738 w 6858000"/>
              <a:gd name="connsiteY4543" fmla="*/ 1525867 h 6858000"/>
              <a:gd name="connsiteX4544" fmla="*/ 2883792 w 6858000"/>
              <a:gd name="connsiteY4544" fmla="*/ 1525460 h 6858000"/>
              <a:gd name="connsiteX4545" fmla="*/ 2883792 w 6858000"/>
              <a:gd name="connsiteY4545" fmla="*/ 1526756 h 6858000"/>
              <a:gd name="connsiteX4546" fmla="*/ 2885088 w 6858000"/>
              <a:gd name="connsiteY4546" fmla="*/ 1526756 h 6858000"/>
              <a:gd name="connsiteX4547" fmla="*/ 2885088 w 6858000"/>
              <a:gd name="connsiteY4547" fmla="*/ 1525460 h 6858000"/>
              <a:gd name="connsiteX4548" fmla="*/ 2760735 w 6858000"/>
              <a:gd name="connsiteY4548" fmla="*/ 1525460 h 6858000"/>
              <a:gd name="connsiteX4549" fmla="*/ 2760735 w 6858000"/>
              <a:gd name="connsiteY4549" fmla="*/ 1526756 h 6858000"/>
              <a:gd name="connsiteX4550" fmla="*/ 2762031 w 6858000"/>
              <a:gd name="connsiteY4550" fmla="*/ 1526756 h 6858000"/>
              <a:gd name="connsiteX4551" fmla="*/ 2762031 w 6858000"/>
              <a:gd name="connsiteY4551" fmla="*/ 1525460 h 6858000"/>
              <a:gd name="connsiteX4552" fmla="*/ 2636381 w 6858000"/>
              <a:gd name="connsiteY4552" fmla="*/ 1524124 h 6858000"/>
              <a:gd name="connsiteX4553" fmla="*/ 2636381 w 6858000"/>
              <a:gd name="connsiteY4553" fmla="*/ 1528052 h 6858000"/>
              <a:gd name="connsiteX4554" fmla="*/ 2640306 w 6858000"/>
              <a:gd name="connsiteY4554" fmla="*/ 1528052 h 6858000"/>
              <a:gd name="connsiteX4555" fmla="*/ 2640306 w 6858000"/>
              <a:gd name="connsiteY4555" fmla="*/ 1524124 h 6858000"/>
              <a:gd name="connsiteX4556" fmla="*/ 2511139 w 6858000"/>
              <a:gd name="connsiteY4556" fmla="*/ 1521979 h 6858000"/>
              <a:gd name="connsiteX4557" fmla="*/ 2511139 w 6858000"/>
              <a:gd name="connsiteY4557" fmla="*/ 1530234 h 6858000"/>
              <a:gd name="connsiteX4558" fmla="*/ 2519397 w 6858000"/>
              <a:gd name="connsiteY4558" fmla="*/ 1530234 h 6858000"/>
              <a:gd name="connsiteX4559" fmla="*/ 2519397 w 6858000"/>
              <a:gd name="connsiteY4559" fmla="*/ 1521979 h 6858000"/>
              <a:gd name="connsiteX4560" fmla="*/ 2385045 w 6858000"/>
              <a:gd name="connsiteY4560" fmla="*/ 1518942 h 6858000"/>
              <a:gd name="connsiteX4561" fmla="*/ 2385045 w 6858000"/>
              <a:gd name="connsiteY4561" fmla="*/ 1533275 h 6858000"/>
              <a:gd name="connsiteX4562" fmla="*/ 2399376 w 6858000"/>
              <a:gd name="connsiteY4562" fmla="*/ 1533275 h 6858000"/>
              <a:gd name="connsiteX4563" fmla="*/ 2399376 w 6858000"/>
              <a:gd name="connsiteY4563" fmla="*/ 1518942 h 6858000"/>
              <a:gd name="connsiteX4564" fmla="*/ 2258951 w 6858000"/>
              <a:gd name="connsiteY4564" fmla="*/ 1515904 h 6858000"/>
              <a:gd name="connsiteX4565" fmla="*/ 2258951 w 6858000"/>
              <a:gd name="connsiteY4565" fmla="*/ 1536309 h 6858000"/>
              <a:gd name="connsiteX4566" fmla="*/ 2279356 w 6858000"/>
              <a:gd name="connsiteY4566" fmla="*/ 1536309 h 6858000"/>
              <a:gd name="connsiteX4567" fmla="*/ 2279356 w 6858000"/>
              <a:gd name="connsiteY4567" fmla="*/ 1515904 h 6858000"/>
              <a:gd name="connsiteX4568" fmla="*/ 2132413 w 6858000"/>
              <a:gd name="connsiteY4568" fmla="*/ 1512424 h 6858000"/>
              <a:gd name="connsiteX4569" fmla="*/ 2132413 w 6858000"/>
              <a:gd name="connsiteY4569" fmla="*/ 1539790 h 6858000"/>
              <a:gd name="connsiteX4570" fmla="*/ 2159780 w 6858000"/>
              <a:gd name="connsiteY4570" fmla="*/ 1539790 h 6858000"/>
              <a:gd name="connsiteX4571" fmla="*/ 2159780 w 6858000"/>
              <a:gd name="connsiteY4571" fmla="*/ 1512424 h 6858000"/>
              <a:gd name="connsiteX4572" fmla="*/ 2005875 w 6858000"/>
              <a:gd name="connsiteY4572" fmla="*/ 1508944 h 6858000"/>
              <a:gd name="connsiteX4573" fmla="*/ 2005875 w 6858000"/>
              <a:gd name="connsiteY4573" fmla="*/ 1543272 h 6858000"/>
              <a:gd name="connsiteX4574" fmla="*/ 2040204 w 6858000"/>
              <a:gd name="connsiteY4574" fmla="*/ 1543272 h 6858000"/>
              <a:gd name="connsiteX4575" fmla="*/ 2040204 w 6858000"/>
              <a:gd name="connsiteY4575" fmla="*/ 1508944 h 6858000"/>
              <a:gd name="connsiteX4576" fmla="*/ 1878929 w 6858000"/>
              <a:gd name="connsiteY4576" fmla="*/ 1505019 h 6858000"/>
              <a:gd name="connsiteX4577" fmla="*/ 1878929 w 6858000"/>
              <a:gd name="connsiteY4577" fmla="*/ 1547161 h 6858000"/>
              <a:gd name="connsiteX4578" fmla="*/ 1921071 w 6858000"/>
              <a:gd name="connsiteY4578" fmla="*/ 1547161 h 6858000"/>
              <a:gd name="connsiteX4579" fmla="*/ 1921071 w 6858000"/>
              <a:gd name="connsiteY4579" fmla="*/ 1505019 h 6858000"/>
              <a:gd name="connsiteX4580" fmla="*/ 1751946 w 6858000"/>
              <a:gd name="connsiteY4580" fmla="*/ 1501130 h 6858000"/>
              <a:gd name="connsiteX4581" fmla="*/ 1751946 w 6858000"/>
              <a:gd name="connsiteY4581" fmla="*/ 1551086 h 6858000"/>
              <a:gd name="connsiteX4582" fmla="*/ 1801902 w 6858000"/>
              <a:gd name="connsiteY4582" fmla="*/ 1551086 h 6858000"/>
              <a:gd name="connsiteX4583" fmla="*/ 1801902 w 6858000"/>
              <a:gd name="connsiteY4583" fmla="*/ 1501130 h 6858000"/>
              <a:gd name="connsiteX4584" fmla="*/ 1624963 w 6858000"/>
              <a:gd name="connsiteY4584" fmla="*/ 1497201 h 6858000"/>
              <a:gd name="connsiteX4585" fmla="*/ 1624963 w 6858000"/>
              <a:gd name="connsiteY4585" fmla="*/ 1554975 h 6858000"/>
              <a:gd name="connsiteX4586" fmla="*/ 1682733 w 6858000"/>
              <a:gd name="connsiteY4586" fmla="*/ 1554975 h 6858000"/>
              <a:gd name="connsiteX4587" fmla="*/ 1682733 w 6858000"/>
              <a:gd name="connsiteY4587" fmla="*/ 1497201 h 6858000"/>
              <a:gd name="connsiteX4588" fmla="*/ 1498018 w 6858000"/>
              <a:gd name="connsiteY4588" fmla="*/ 1493317 h 6858000"/>
              <a:gd name="connsiteX4589" fmla="*/ 1498018 w 6858000"/>
              <a:gd name="connsiteY4589" fmla="*/ 1558898 h 6858000"/>
              <a:gd name="connsiteX4590" fmla="*/ 1563602 w 6858000"/>
              <a:gd name="connsiteY4590" fmla="*/ 1558898 h 6858000"/>
              <a:gd name="connsiteX4591" fmla="*/ 1563602 w 6858000"/>
              <a:gd name="connsiteY4591" fmla="*/ 1493317 h 6858000"/>
              <a:gd name="connsiteX4592" fmla="*/ 1371035 w 6858000"/>
              <a:gd name="connsiteY4592" fmla="*/ 1489428 h 6858000"/>
              <a:gd name="connsiteX4593" fmla="*/ 1371035 w 6858000"/>
              <a:gd name="connsiteY4593" fmla="*/ 1562823 h 6858000"/>
              <a:gd name="connsiteX4594" fmla="*/ 1444432 w 6858000"/>
              <a:gd name="connsiteY4594" fmla="*/ 1562823 h 6858000"/>
              <a:gd name="connsiteX4595" fmla="*/ 1444432 w 6858000"/>
              <a:gd name="connsiteY4595" fmla="*/ 1489428 h 6858000"/>
              <a:gd name="connsiteX4596" fmla="*/ 1244275 w 6858000"/>
              <a:gd name="connsiteY4596" fmla="*/ 1485686 h 6858000"/>
              <a:gd name="connsiteX4597" fmla="*/ 1244275 w 6858000"/>
              <a:gd name="connsiteY4597" fmla="*/ 1566491 h 6858000"/>
              <a:gd name="connsiteX4598" fmla="*/ 1325079 w 6858000"/>
              <a:gd name="connsiteY4598" fmla="*/ 1566491 h 6858000"/>
              <a:gd name="connsiteX4599" fmla="*/ 1325079 w 6858000"/>
              <a:gd name="connsiteY4599" fmla="*/ 1485686 h 6858000"/>
              <a:gd name="connsiteX4600" fmla="*/ 1117736 w 6858000"/>
              <a:gd name="connsiteY4600" fmla="*/ 1482242 h 6858000"/>
              <a:gd name="connsiteX4601" fmla="*/ 1117736 w 6858000"/>
              <a:gd name="connsiteY4601" fmla="*/ 1569972 h 6858000"/>
              <a:gd name="connsiteX4602" fmla="*/ 1205465 w 6858000"/>
              <a:gd name="connsiteY4602" fmla="*/ 1569972 h 6858000"/>
              <a:gd name="connsiteX4603" fmla="*/ 1205465 w 6858000"/>
              <a:gd name="connsiteY4603" fmla="*/ 1482242 h 6858000"/>
              <a:gd name="connsiteX4604" fmla="*/ 991420 w 6858000"/>
              <a:gd name="connsiteY4604" fmla="*/ 1478983 h 6858000"/>
              <a:gd name="connsiteX4605" fmla="*/ 991420 w 6858000"/>
              <a:gd name="connsiteY4605" fmla="*/ 1573234 h 6858000"/>
              <a:gd name="connsiteX4606" fmla="*/ 1085666 w 6858000"/>
              <a:gd name="connsiteY4606" fmla="*/ 1573234 h 6858000"/>
              <a:gd name="connsiteX4607" fmla="*/ 1085666 w 6858000"/>
              <a:gd name="connsiteY4607" fmla="*/ 1478983 h 6858000"/>
              <a:gd name="connsiteX4608" fmla="*/ 865326 w 6858000"/>
              <a:gd name="connsiteY4608" fmla="*/ 1475949 h 6858000"/>
              <a:gd name="connsiteX4609" fmla="*/ 865326 w 6858000"/>
              <a:gd name="connsiteY4609" fmla="*/ 1576269 h 6858000"/>
              <a:gd name="connsiteX4610" fmla="*/ 965646 w 6858000"/>
              <a:gd name="connsiteY4610" fmla="*/ 1576269 h 6858000"/>
              <a:gd name="connsiteX4611" fmla="*/ 965646 w 6858000"/>
              <a:gd name="connsiteY4611" fmla="*/ 1475949 h 6858000"/>
              <a:gd name="connsiteX4612" fmla="*/ 739899 w 6858000"/>
              <a:gd name="connsiteY4612" fmla="*/ 1473577 h 6858000"/>
              <a:gd name="connsiteX4613" fmla="*/ 739899 w 6858000"/>
              <a:gd name="connsiteY4613" fmla="*/ 1578674 h 6858000"/>
              <a:gd name="connsiteX4614" fmla="*/ 844996 w 6858000"/>
              <a:gd name="connsiteY4614" fmla="*/ 1578674 h 6858000"/>
              <a:gd name="connsiteX4615" fmla="*/ 844996 w 6858000"/>
              <a:gd name="connsiteY4615" fmla="*/ 1473577 h 6858000"/>
              <a:gd name="connsiteX4616" fmla="*/ 444 w 6858000"/>
              <a:gd name="connsiteY4616" fmla="*/ 1472467 h 6858000"/>
              <a:gd name="connsiteX4617" fmla="*/ 444 w 6858000"/>
              <a:gd name="connsiteY4617" fmla="*/ 1579749 h 6858000"/>
              <a:gd name="connsiteX4618" fmla="*/ 107726 w 6858000"/>
              <a:gd name="connsiteY4618" fmla="*/ 1579749 h 6858000"/>
              <a:gd name="connsiteX4619" fmla="*/ 107726 w 6858000"/>
              <a:gd name="connsiteY4619" fmla="*/ 1472467 h 6858000"/>
              <a:gd name="connsiteX4620" fmla="*/ 615101 w 6858000"/>
              <a:gd name="connsiteY4620" fmla="*/ 1471836 h 6858000"/>
              <a:gd name="connsiteX4621" fmla="*/ 615101 w 6858000"/>
              <a:gd name="connsiteY4621" fmla="*/ 1580415 h 6858000"/>
              <a:gd name="connsiteX4622" fmla="*/ 723679 w 6858000"/>
              <a:gd name="connsiteY4622" fmla="*/ 1580415 h 6858000"/>
              <a:gd name="connsiteX4623" fmla="*/ 723679 w 6858000"/>
              <a:gd name="connsiteY4623" fmla="*/ 1471836 h 6858000"/>
              <a:gd name="connsiteX4624" fmla="*/ 491377 w 6858000"/>
              <a:gd name="connsiteY4624" fmla="*/ 1471169 h 6858000"/>
              <a:gd name="connsiteX4625" fmla="*/ 491377 w 6858000"/>
              <a:gd name="connsiteY4625" fmla="*/ 1581049 h 6858000"/>
              <a:gd name="connsiteX4626" fmla="*/ 601251 w 6858000"/>
              <a:gd name="connsiteY4626" fmla="*/ 1581049 h 6858000"/>
              <a:gd name="connsiteX4627" fmla="*/ 601251 w 6858000"/>
              <a:gd name="connsiteY4627" fmla="*/ 1471169 h 6858000"/>
              <a:gd name="connsiteX4628" fmla="*/ 368320 w 6858000"/>
              <a:gd name="connsiteY4628" fmla="*/ 1471169 h 6858000"/>
              <a:gd name="connsiteX4629" fmla="*/ 368320 w 6858000"/>
              <a:gd name="connsiteY4629" fmla="*/ 1581049 h 6858000"/>
              <a:gd name="connsiteX4630" fmla="*/ 478194 w 6858000"/>
              <a:gd name="connsiteY4630" fmla="*/ 1581049 h 6858000"/>
              <a:gd name="connsiteX4631" fmla="*/ 478194 w 6858000"/>
              <a:gd name="connsiteY4631" fmla="*/ 1471169 h 6858000"/>
              <a:gd name="connsiteX4632" fmla="*/ 245262 w 6858000"/>
              <a:gd name="connsiteY4632" fmla="*/ 1471169 h 6858000"/>
              <a:gd name="connsiteX4633" fmla="*/ 245262 w 6858000"/>
              <a:gd name="connsiteY4633" fmla="*/ 1581049 h 6858000"/>
              <a:gd name="connsiteX4634" fmla="*/ 355136 w 6858000"/>
              <a:gd name="connsiteY4634" fmla="*/ 1581049 h 6858000"/>
              <a:gd name="connsiteX4635" fmla="*/ 355136 w 6858000"/>
              <a:gd name="connsiteY4635" fmla="*/ 1471169 h 6858000"/>
              <a:gd name="connsiteX4636" fmla="*/ 122205 w 6858000"/>
              <a:gd name="connsiteY4636" fmla="*/ 1471169 h 6858000"/>
              <a:gd name="connsiteX4637" fmla="*/ 122205 w 6858000"/>
              <a:gd name="connsiteY4637" fmla="*/ 1581049 h 6858000"/>
              <a:gd name="connsiteX4638" fmla="*/ 232079 w 6858000"/>
              <a:gd name="connsiteY4638" fmla="*/ 1581049 h 6858000"/>
              <a:gd name="connsiteX4639" fmla="*/ 232079 w 6858000"/>
              <a:gd name="connsiteY4639" fmla="*/ 1471169 h 6858000"/>
              <a:gd name="connsiteX4640" fmla="*/ 5714629 w 6858000"/>
              <a:gd name="connsiteY4640" fmla="*/ 1402807 h 6858000"/>
              <a:gd name="connsiteX4641" fmla="*/ 5714629 w 6858000"/>
              <a:gd name="connsiteY4641" fmla="*/ 1403251 h 6858000"/>
              <a:gd name="connsiteX4642" fmla="*/ 5715073 w 6858000"/>
              <a:gd name="connsiteY4642" fmla="*/ 1403251 h 6858000"/>
              <a:gd name="connsiteX4643" fmla="*/ 5715073 w 6858000"/>
              <a:gd name="connsiteY4643" fmla="*/ 1402807 h 6858000"/>
              <a:gd name="connsiteX4644" fmla="*/ 5591572 w 6858000"/>
              <a:gd name="connsiteY4644" fmla="*/ 1402807 h 6858000"/>
              <a:gd name="connsiteX4645" fmla="*/ 5591572 w 6858000"/>
              <a:gd name="connsiteY4645" fmla="*/ 1403251 h 6858000"/>
              <a:gd name="connsiteX4646" fmla="*/ 5592017 w 6858000"/>
              <a:gd name="connsiteY4646" fmla="*/ 1403251 h 6858000"/>
              <a:gd name="connsiteX4647" fmla="*/ 5592017 w 6858000"/>
              <a:gd name="connsiteY4647" fmla="*/ 1402807 h 6858000"/>
              <a:gd name="connsiteX4648" fmla="*/ 3745675 w 6858000"/>
              <a:gd name="connsiteY4648" fmla="*/ 1402807 h 6858000"/>
              <a:gd name="connsiteX4649" fmla="*/ 3745675 w 6858000"/>
              <a:gd name="connsiteY4649" fmla="*/ 1403251 h 6858000"/>
              <a:gd name="connsiteX4650" fmla="*/ 3746119 w 6858000"/>
              <a:gd name="connsiteY4650" fmla="*/ 1403251 h 6858000"/>
              <a:gd name="connsiteX4651" fmla="*/ 3746119 w 6858000"/>
              <a:gd name="connsiteY4651" fmla="*/ 1402807 h 6858000"/>
              <a:gd name="connsiteX4652" fmla="*/ 3622617 w 6858000"/>
              <a:gd name="connsiteY4652" fmla="*/ 1402807 h 6858000"/>
              <a:gd name="connsiteX4653" fmla="*/ 3622617 w 6858000"/>
              <a:gd name="connsiteY4653" fmla="*/ 1403251 h 6858000"/>
              <a:gd name="connsiteX4654" fmla="*/ 3623061 w 6858000"/>
              <a:gd name="connsiteY4654" fmla="*/ 1403251 h 6858000"/>
              <a:gd name="connsiteX4655" fmla="*/ 3623061 w 6858000"/>
              <a:gd name="connsiteY4655" fmla="*/ 1402807 h 6858000"/>
              <a:gd name="connsiteX4656" fmla="*/ 3499523 w 6858000"/>
              <a:gd name="connsiteY4656" fmla="*/ 1402807 h 6858000"/>
              <a:gd name="connsiteX4657" fmla="*/ 3499523 w 6858000"/>
              <a:gd name="connsiteY4657" fmla="*/ 1403251 h 6858000"/>
              <a:gd name="connsiteX4658" fmla="*/ 3499967 w 6858000"/>
              <a:gd name="connsiteY4658" fmla="*/ 1403251 h 6858000"/>
              <a:gd name="connsiteX4659" fmla="*/ 3499967 w 6858000"/>
              <a:gd name="connsiteY4659" fmla="*/ 1402807 h 6858000"/>
              <a:gd name="connsiteX4660" fmla="*/ 3376466 w 6858000"/>
              <a:gd name="connsiteY4660" fmla="*/ 1402807 h 6858000"/>
              <a:gd name="connsiteX4661" fmla="*/ 3376466 w 6858000"/>
              <a:gd name="connsiteY4661" fmla="*/ 1403251 h 6858000"/>
              <a:gd name="connsiteX4662" fmla="*/ 3376910 w 6858000"/>
              <a:gd name="connsiteY4662" fmla="*/ 1403251 h 6858000"/>
              <a:gd name="connsiteX4663" fmla="*/ 3376910 w 6858000"/>
              <a:gd name="connsiteY4663" fmla="*/ 1402807 h 6858000"/>
              <a:gd name="connsiteX4664" fmla="*/ 3253408 w 6858000"/>
              <a:gd name="connsiteY4664" fmla="*/ 1402807 h 6858000"/>
              <a:gd name="connsiteX4665" fmla="*/ 3253408 w 6858000"/>
              <a:gd name="connsiteY4665" fmla="*/ 1403251 h 6858000"/>
              <a:gd name="connsiteX4666" fmla="*/ 3253852 w 6858000"/>
              <a:gd name="connsiteY4666" fmla="*/ 1403251 h 6858000"/>
              <a:gd name="connsiteX4667" fmla="*/ 3253852 w 6858000"/>
              <a:gd name="connsiteY4667" fmla="*/ 1402807 h 6858000"/>
              <a:gd name="connsiteX4668" fmla="*/ 3130351 w 6858000"/>
              <a:gd name="connsiteY4668" fmla="*/ 1402807 h 6858000"/>
              <a:gd name="connsiteX4669" fmla="*/ 3130351 w 6858000"/>
              <a:gd name="connsiteY4669" fmla="*/ 1403251 h 6858000"/>
              <a:gd name="connsiteX4670" fmla="*/ 3130795 w 6858000"/>
              <a:gd name="connsiteY4670" fmla="*/ 1403251 h 6858000"/>
              <a:gd name="connsiteX4671" fmla="*/ 3130795 w 6858000"/>
              <a:gd name="connsiteY4671" fmla="*/ 1402807 h 6858000"/>
              <a:gd name="connsiteX4672" fmla="*/ 3006849 w 6858000"/>
              <a:gd name="connsiteY4672" fmla="*/ 1402401 h 6858000"/>
              <a:gd name="connsiteX4673" fmla="*/ 3006849 w 6858000"/>
              <a:gd name="connsiteY4673" fmla="*/ 1403696 h 6858000"/>
              <a:gd name="connsiteX4674" fmla="*/ 3008145 w 6858000"/>
              <a:gd name="connsiteY4674" fmla="*/ 1403696 h 6858000"/>
              <a:gd name="connsiteX4675" fmla="*/ 3008145 w 6858000"/>
              <a:gd name="connsiteY4675" fmla="*/ 1402401 h 6858000"/>
              <a:gd name="connsiteX4676" fmla="*/ 2883385 w 6858000"/>
              <a:gd name="connsiteY4676" fmla="*/ 1401956 h 6858000"/>
              <a:gd name="connsiteX4677" fmla="*/ 2883385 w 6858000"/>
              <a:gd name="connsiteY4677" fmla="*/ 1404140 h 6858000"/>
              <a:gd name="connsiteX4678" fmla="*/ 2885570 w 6858000"/>
              <a:gd name="connsiteY4678" fmla="*/ 1404140 h 6858000"/>
              <a:gd name="connsiteX4679" fmla="*/ 2885570 w 6858000"/>
              <a:gd name="connsiteY4679" fmla="*/ 1401956 h 6858000"/>
              <a:gd name="connsiteX4680" fmla="*/ 2759883 w 6858000"/>
              <a:gd name="connsiteY4680" fmla="*/ 1401512 h 6858000"/>
              <a:gd name="connsiteX4681" fmla="*/ 2759883 w 6858000"/>
              <a:gd name="connsiteY4681" fmla="*/ 1404548 h 6858000"/>
              <a:gd name="connsiteX4682" fmla="*/ 2762920 w 6858000"/>
              <a:gd name="connsiteY4682" fmla="*/ 1404548 h 6858000"/>
              <a:gd name="connsiteX4683" fmla="*/ 2762920 w 6858000"/>
              <a:gd name="connsiteY4683" fmla="*/ 1401512 h 6858000"/>
              <a:gd name="connsiteX4684" fmla="*/ 2635530 w 6858000"/>
              <a:gd name="connsiteY4684" fmla="*/ 1400251 h 6858000"/>
              <a:gd name="connsiteX4685" fmla="*/ 2635530 w 6858000"/>
              <a:gd name="connsiteY4685" fmla="*/ 1405880 h 6858000"/>
              <a:gd name="connsiteX4686" fmla="*/ 2641159 w 6858000"/>
              <a:gd name="connsiteY4686" fmla="*/ 1405880 h 6858000"/>
              <a:gd name="connsiteX4687" fmla="*/ 2641159 w 6858000"/>
              <a:gd name="connsiteY4687" fmla="*/ 1400251 h 6858000"/>
              <a:gd name="connsiteX4688" fmla="*/ 2510287 w 6858000"/>
              <a:gd name="connsiteY4688" fmla="*/ 1398028 h 6858000"/>
              <a:gd name="connsiteX4689" fmla="*/ 2510287 w 6858000"/>
              <a:gd name="connsiteY4689" fmla="*/ 1408029 h 6858000"/>
              <a:gd name="connsiteX4690" fmla="*/ 2520286 w 6858000"/>
              <a:gd name="connsiteY4690" fmla="*/ 1408029 h 6858000"/>
              <a:gd name="connsiteX4691" fmla="*/ 2520286 w 6858000"/>
              <a:gd name="connsiteY4691" fmla="*/ 1398028 h 6858000"/>
              <a:gd name="connsiteX4692" fmla="*/ 2384601 w 6858000"/>
              <a:gd name="connsiteY4692" fmla="*/ 1395475 h 6858000"/>
              <a:gd name="connsiteX4693" fmla="*/ 2384601 w 6858000"/>
              <a:gd name="connsiteY4693" fmla="*/ 1410658 h 6858000"/>
              <a:gd name="connsiteX4694" fmla="*/ 2399784 w 6858000"/>
              <a:gd name="connsiteY4694" fmla="*/ 1410658 h 6858000"/>
              <a:gd name="connsiteX4695" fmla="*/ 2399784 w 6858000"/>
              <a:gd name="connsiteY4695" fmla="*/ 1395475 h 6858000"/>
              <a:gd name="connsiteX4696" fmla="*/ 2258507 w 6858000"/>
              <a:gd name="connsiteY4696" fmla="*/ 1392401 h 6858000"/>
              <a:gd name="connsiteX4697" fmla="*/ 2258507 w 6858000"/>
              <a:gd name="connsiteY4697" fmla="*/ 1413695 h 6858000"/>
              <a:gd name="connsiteX4698" fmla="*/ 2279800 w 6858000"/>
              <a:gd name="connsiteY4698" fmla="*/ 1413695 h 6858000"/>
              <a:gd name="connsiteX4699" fmla="*/ 2279800 w 6858000"/>
              <a:gd name="connsiteY4699" fmla="*/ 1392401 h 6858000"/>
              <a:gd name="connsiteX4700" fmla="*/ 2131969 w 6858000"/>
              <a:gd name="connsiteY4700" fmla="*/ 1388957 h 6858000"/>
              <a:gd name="connsiteX4701" fmla="*/ 2131969 w 6858000"/>
              <a:gd name="connsiteY4701" fmla="*/ 1417177 h 6858000"/>
              <a:gd name="connsiteX4702" fmla="*/ 2160187 w 6858000"/>
              <a:gd name="connsiteY4702" fmla="*/ 1417177 h 6858000"/>
              <a:gd name="connsiteX4703" fmla="*/ 2160187 w 6858000"/>
              <a:gd name="connsiteY4703" fmla="*/ 1388957 h 6858000"/>
              <a:gd name="connsiteX4704" fmla="*/ 2005245 w 6858000"/>
              <a:gd name="connsiteY4704" fmla="*/ 1385215 h 6858000"/>
              <a:gd name="connsiteX4705" fmla="*/ 2005245 w 6858000"/>
              <a:gd name="connsiteY4705" fmla="*/ 1420842 h 6858000"/>
              <a:gd name="connsiteX4706" fmla="*/ 2040870 w 6858000"/>
              <a:gd name="connsiteY4706" fmla="*/ 1420842 h 6858000"/>
              <a:gd name="connsiteX4707" fmla="*/ 2040870 w 6858000"/>
              <a:gd name="connsiteY4707" fmla="*/ 1385215 h 6858000"/>
              <a:gd name="connsiteX4708" fmla="*/ 1878262 w 6858000"/>
              <a:gd name="connsiteY4708" fmla="*/ 1381329 h 6858000"/>
              <a:gd name="connsiteX4709" fmla="*/ 1878262 w 6858000"/>
              <a:gd name="connsiteY4709" fmla="*/ 1424767 h 6858000"/>
              <a:gd name="connsiteX4710" fmla="*/ 1921701 w 6858000"/>
              <a:gd name="connsiteY4710" fmla="*/ 1424767 h 6858000"/>
              <a:gd name="connsiteX4711" fmla="*/ 1921701 w 6858000"/>
              <a:gd name="connsiteY4711" fmla="*/ 1381329 h 6858000"/>
              <a:gd name="connsiteX4712" fmla="*/ 1751280 w 6858000"/>
              <a:gd name="connsiteY4712" fmla="*/ 1377403 h 6858000"/>
              <a:gd name="connsiteX4713" fmla="*/ 1751280 w 6858000"/>
              <a:gd name="connsiteY4713" fmla="*/ 1428656 h 6858000"/>
              <a:gd name="connsiteX4714" fmla="*/ 1802532 w 6858000"/>
              <a:gd name="connsiteY4714" fmla="*/ 1428656 h 6858000"/>
              <a:gd name="connsiteX4715" fmla="*/ 1802532 w 6858000"/>
              <a:gd name="connsiteY4715" fmla="*/ 1377403 h 6858000"/>
              <a:gd name="connsiteX4716" fmla="*/ 1624334 w 6858000"/>
              <a:gd name="connsiteY4716" fmla="*/ 1373515 h 6858000"/>
              <a:gd name="connsiteX4717" fmla="*/ 1624334 w 6858000"/>
              <a:gd name="connsiteY4717" fmla="*/ 1432582 h 6858000"/>
              <a:gd name="connsiteX4718" fmla="*/ 1683400 w 6858000"/>
              <a:gd name="connsiteY4718" fmla="*/ 1432582 h 6858000"/>
              <a:gd name="connsiteX4719" fmla="*/ 1683400 w 6858000"/>
              <a:gd name="connsiteY4719" fmla="*/ 1373515 h 6858000"/>
              <a:gd name="connsiteX4720" fmla="*/ 1497351 w 6858000"/>
              <a:gd name="connsiteY4720" fmla="*/ 1369627 h 6858000"/>
              <a:gd name="connsiteX4721" fmla="*/ 1497351 w 6858000"/>
              <a:gd name="connsiteY4721" fmla="*/ 1436505 h 6858000"/>
              <a:gd name="connsiteX4722" fmla="*/ 1564231 w 6858000"/>
              <a:gd name="connsiteY4722" fmla="*/ 1436505 h 6858000"/>
              <a:gd name="connsiteX4723" fmla="*/ 1564231 w 6858000"/>
              <a:gd name="connsiteY4723" fmla="*/ 1369627 h 6858000"/>
              <a:gd name="connsiteX4724" fmla="*/ 1370369 w 6858000"/>
              <a:gd name="connsiteY4724" fmla="*/ 1365700 h 6858000"/>
              <a:gd name="connsiteX4725" fmla="*/ 1370369 w 6858000"/>
              <a:gd name="connsiteY4725" fmla="*/ 1440395 h 6858000"/>
              <a:gd name="connsiteX4726" fmla="*/ 1445063 w 6858000"/>
              <a:gd name="connsiteY4726" fmla="*/ 1440395 h 6858000"/>
              <a:gd name="connsiteX4727" fmla="*/ 1445063 w 6858000"/>
              <a:gd name="connsiteY4727" fmla="*/ 1365700 h 6858000"/>
              <a:gd name="connsiteX4728" fmla="*/ 1243645 w 6858000"/>
              <a:gd name="connsiteY4728" fmla="*/ 1361997 h 6858000"/>
              <a:gd name="connsiteX4729" fmla="*/ 1243645 w 6858000"/>
              <a:gd name="connsiteY4729" fmla="*/ 1444098 h 6858000"/>
              <a:gd name="connsiteX4730" fmla="*/ 1325745 w 6858000"/>
              <a:gd name="connsiteY4730" fmla="*/ 1444098 h 6858000"/>
              <a:gd name="connsiteX4731" fmla="*/ 1325745 w 6858000"/>
              <a:gd name="connsiteY4731" fmla="*/ 1361997 h 6858000"/>
              <a:gd name="connsiteX4732" fmla="*/ 1117107 w 6858000"/>
              <a:gd name="connsiteY4732" fmla="*/ 1358555 h 6858000"/>
              <a:gd name="connsiteX4733" fmla="*/ 1117107 w 6858000"/>
              <a:gd name="connsiteY4733" fmla="*/ 1447579 h 6858000"/>
              <a:gd name="connsiteX4734" fmla="*/ 1206132 w 6858000"/>
              <a:gd name="connsiteY4734" fmla="*/ 1447579 h 6858000"/>
              <a:gd name="connsiteX4735" fmla="*/ 1206132 w 6858000"/>
              <a:gd name="connsiteY4735" fmla="*/ 1358555 h 6858000"/>
              <a:gd name="connsiteX4736" fmla="*/ 990791 w 6858000"/>
              <a:gd name="connsiteY4736" fmla="*/ 1355294 h 6858000"/>
              <a:gd name="connsiteX4737" fmla="*/ 990791 w 6858000"/>
              <a:gd name="connsiteY4737" fmla="*/ 1450837 h 6858000"/>
              <a:gd name="connsiteX4738" fmla="*/ 1086333 w 6858000"/>
              <a:gd name="connsiteY4738" fmla="*/ 1450837 h 6858000"/>
              <a:gd name="connsiteX4739" fmla="*/ 1086333 w 6858000"/>
              <a:gd name="connsiteY4739" fmla="*/ 1355294 h 6858000"/>
              <a:gd name="connsiteX4740" fmla="*/ 864882 w 6858000"/>
              <a:gd name="connsiteY4740" fmla="*/ 1352444 h 6858000"/>
              <a:gd name="connsiteX4741" fmla="*/ 864882 w 6858000"/>
              <a:gd name="connsiteY4741" fmla="*/ 1453654 h 6858000"/>
              <a:gd name="connsiteX4742" fmla="*/ 966090 w 6858000"/>
              <a:gd name="connsiteY4742" fmla="*/ 1453654 h 6858000"/>
              <a:gd name="connsiteX4743" fmla="*/ 966090 w 6858000"/>
              <a:gd name="connsiteY4743" fmla="*/ 1352444 h 6858000"/>
              <a:gd name="connsiteX4744" fmla="*/ 739232 w 6858000"/>
              <a:gd name="connsiteY4744" fmla="*/ 1349852 h 6858000"/>
              <a:gd name="connsiteX4745" fmla="*/ 739232 w 6858000"/>
              <a:gd name="connsiteY4745" fmla="*/ 1456244 h 6858000"/>
              <a:gd name="connsiteX4746" fmla="*/ 845625 w 6858000"/>
              <a:gd name="connsiteY4746" fmla="*/ 1456244 h 6858000"/>
              <a:gd name="connsiteX4747" fmla="*/ 845625 w 6858000"/>
              <a:gd name="connsiteY4747" fmla="*/ 1349852 h 6858000"/>
              <a:gd name="connsiteX4748" fmla="*/ 222 w 6858000"/>
              <a:gd name="connsiteY4748" fmla="*/ 1349185 h 6858000"/>
              <a:gd name="connsiteX4749" fmla="*/ 222 w 6858000"/>
              <a:gd name="connsiteY4749" fmla="*/ 1456913 h 6858000"/>
              <a:gd name="connsiteX4750" fmla="*/ 107948 w 6858000"/>
              <a:gd name="connsiteY4750" fmla="*/ 1456913 h 6858000"/>
              <a:gd name="connsiteX4751" fmla="*/ 107948 w 6858000"/>
              <a:gd name="connsiteY4751" fmla="*/ 1349185 h 6858000"/>
              <a:gd name="connsiteX4752" fmla="*/ 614212 w 6858000"/>
              <a:gd name="connsiteY4752" fmla="*/ 1347889 h 6858000"/>
              <a:gd name="connsiteX4753" fmla="*/ 614212 w 6858000"/>
              <a:gd name="connsiteY4753" fmla="*/ 1458208 h 6858000"/>
              <a:gd name="connsiteX4754" fmla="*/ 724530 w 6858000"/>
              <a:gd name="connsiteY4754" fmla="*/ 1458208 h 6858000"/>
              <a:gd name="connsiteX4755" fmla="*/ 724530 w 6858000"/>
              <a:gd name="connsiteY4755" fmla="*/ 1347889 h 6858000"/>
              <a:gd name="connsiteX4756" fmla="*/ 121983 w 6858000"/>
              <a:gd name="connsiteY4756" fmla="*/ 1347889 h 6858000"/>
              <a:gd name="connsiteX4757" fmla="*/ 121983 w 6858000"/>
              <a:gd name="connsiteY4757" fmla="*/ 1458208 h 6858000"/>
              <a:gd name="connsiteX4758" fmla="*/ 232301 w 6858000"/>
              <a:gd name="connsiteY4758" fmla="*/ 1458208 h 6858000"/>
              <a:gd name="connsiteX4759" fmla="*/ 232301 w 6858000"/>
              <a:gd name="connsiteY4759" fmla="*/ 1347889 h 6858000"/>
              <a:gd name="connsiteX4760" fmla="*/ 490933 w 6858000"/>
              <a:gd name="connsiteY4760" fmla="*/ 1347667 h 6858000"/>
              <a:gd name="connsiteX4761" fmla="*/ 490933 w 6858000"/>
              <a:gd name="connsiteY4761" fmla="*/ 1458429 h 6858000"/>
              <a:gd name="connsiteX4762" fmla="*/ 601696 w 6858000"/>
              <a:gd name="connsiteY4762" fmla="*/ 1458429 h 6858000"/>
              <a:gd name="connsiteX4763" fmla="*/ 601696 w 6858000"/>
              <a:gd name="connsiteY4763" fmla="*/ 1347667 h 6858000"/>
              <a:gd name="connsiteX4764" fmla="*/ 367875 w 6858000"/>
              <a:gd name="connsiteY4764" fmla="*/ 1347667 h 6858000"/>
              <a:gd name="connsiteX4765" fmla="*/ 367875 w 6858000"/>
              <a:gd name="connsiteY4765" fmla="*/ 1458429 h 6858000"/>
              <a:gd name="connsiteX4766" fmla="*/ 478638 w 6858000"/>
              <a:gd name="connsiteY4766" fmla="*/ 1458429 h 6858000"/>
              <a:gd name="connsiteX4767" fmla="*/ 478638 w 6858000"/>
              <a:gd name="connsiteY4767" fmla="*/ 1347667 h 6858000"/>
              <a:gd name="connsiteX4768" fmla="*/ 244818 w 6858000"/>
              <a:gd name="connsiteY4768" fmla="*/ 1347667 h 6858000"/>
              <a:gd name="connsiteX4769" fmla="*/ 244818 w 6858000"/>
              <a:gd name="connsiteY4769" fmla="*/ 1458429 h 6858000"/>
              <a:gd name="connsiteX4770" fmla="*/ 355581 w 6858000"/>
              <a:gd name="connsiteY4770" fmla="*/ 1458429 h 6858000"/>
              <a:gd name="connsiteX4771" fmla="*/ 355581 w 6858000"/>
              <a:gd name="connsiteY4771" fmla="*/ 1347667 h 6858000"/>
              <a:gd name="connsiteX4772" fmla="*/ 5714629 w 6858000"/>
              <a:gd name="connsiteY4772" fmla="*/ 1279748 h 6858000"/>
              <a:gd name="connsiteX4773" fmla="*/ 5714629 w 6858000"/>
              <a:gd name="connsiteY4773" fmla="*/ 1280193 h 6858000"/>
              <a:gd name="connsiteX4774" fmla="*/ 5715073 w 6858000"/>
              <a:gd name="connsiteY4774" fmla="*/ 1280193 h 6858000"/>
              <a:gd name="connsiteX4775" fmla="*/ 5715073 w 6858000"/>
              <a:gd name="connsiteY4775" fmla="*/ 1279748 h 6858000"/>
              <a:gd name="connsiteX4776" fmla="*/ 5591572 w 6858000"/>
              <a:gd name="connsiteY4776" fmla="*/ 1279748 h 6858000"/>
              <a:gd name="connsiteX4777" fmla="*/ 5591572 w 6858000"/>
              <a:gd name="connsiteY4777" fmla="*/ 1280193 h 6858000"/>
              <a:gd name="connsiteX4778" fmla="*/ 5592017 w 6858000"/>
              <a:gd name="connsiteY4778" fmla="*/ 1280193 h 6858000"/>
              <a:gd name="connsiteX4779" fmla="*/ 5592017 w 6858000"/>
              <a:gd name="connsiteY4779" fmla="*/ 1279748 h 6858000"/>
              <a:gd name="connsiteX4780" fmla="*/ 5468514 w 6858000"/>
              <a:gd name="connsiteY4780" fmla="*/ 1279748 h 6858000"/>
              <a:gd name="connsiteX4781" fmla="*/ 5468514 w 6858000"/>
              <a:gd name="connsiteY4781" fmla="*/ 1280193 h 6858000"/>
              <a:gd name="connsiteX4782" fmla="*/ 5468958 w 6858000"/>
              <a:gd name="connsiteY4782" fmla="*/ 1280193 h 6858000"/>
              <a:gd name="connsiteX4783" fmla="*/ 5468958 w 6858000"/>
              <a:gd name="connsiteY4783" fmla="*/ 1279748 h 6858000"/>
              <a:gd name="connsiteX4784" fmla="*/ 4976248 w 6858000"/>
              <a:gd name="connsiteY4784" fmla="*/ 1279748 h 6858000"/>
              <a:gd name="connsiteX4785" fmla="*/ 4976248 w 6858000"/>
              <a:gd name="connsiteY4785" fmla="*/ 1280193 h 6858000"/>
              <a:gd name="connsiteX4786" fmla="*/ 4976692 w 6858000"/>
              <a:gd name="connsiteY4786" fmla="*/ 1280193 h 6858000"/>
              <a:gd name="connsiteX4787" fmla="*/ 4976692 w 6858000"/>
              <a:gd name="connsiteY4787" fmla="*/ 1279748 h 6858000"/>
              <a:gd name="connsiteX4788" fmla="*/ 3991789 w 6858000"/>
              <a:gd name="connsiteY4788" fmla="*/ 1279748 h 6858000"/>
              <a:gd name="connsiteX4789" fmla="*/ 3991789 w 6858000"/>
              <a:gd name="connsiteY4789" fmla="*/ 1280193 h 6858000"/>
              <a:gd name="connsiteX4790" fmla="*/ 3992234 w 6858000"/>
              <a:gd name="connsiteY4790" fmla="*/ 1280193 h 6858000"/>
              <a:gd name="connsiteX4791" fmla="*/ 3992234 w 6858000"/>
              <a:gd name="connsiteY4791" fmla="*/ 1279748 h 6858000"/>
              <a:gd name="connsiteX4792" fmla="*/ 3868732 w 6858000"/>
              <a:gd name="connsiteY4792" fmla="*/ 1279748 h 6858000"/>
              <a:gd name="connsiteX4793" fmla="*/ 3868732 w 6858000"/>
              <a:gd name="connsiteY4793" fmla="*/ 1280193 h 6858000"/>
              <a:gd name="connsiteX4794" fmla="*/ 3869176 w 6858000"/>
              <a:gd name="connsiteY4794" fmla="*/ 1280193 h 6858000"/>
              <a:gd name="connsiteX4795" fmla="*/ 3869176 w 6858000"/>
              <a:gd name="connsiteY4795" fmla="*/ 1279748 h 6858000"/>
              <a:gd name="connsiteX4796" fmla="*/ 3745675 w 6858000"/>
              <a:gd name="connsiteY4796" fmla="*/ 1279748 h 6858000"/>
              <a:gd name="connsiteX4797" fmla="*/ 3745675 w 6858000"/>
              <a:gd name="connsiteY4797" fmla="*/ 1280193 h 6858000"/>
              <a:gd name="connsiteX4798" fmla="*/ 3746119 w 6858000"/>
              <a:gd name="connsiteY4798" fmla="*/ 1280193 h 6858000"/>
              <a:gd name="connsiteX4799" fmla="*/ 3746119 w 6858000"/>
              <a:gd name="connsiteY4799" fmla="*/ 1279748 h 6858000"/>
              <a:gd name="connsiteX4800" fmla="*/ 3622617 w 6858000"/>
              <a:gd name="connsiteY4800" fmla="*/ 1279748 h 6858000"/>
              <a:gd name="connsiteX4801" fmla="*/ 3622617 w 6858000"/>
              <a:gd name="connsiteY4801" fmla="*/ 1280193 h 6858000"/>
              <a:gd name="connsiteX4802" fmla="*/ 3623061 w 6858000"/>
              <a:gd name="connsiteY4802" fmla="*/ 1280193 h 6858000"/>
              <a:gd name="connsiteX4803" fmla="*/ 3623061 w 6858000"/>
              <a:gd name="connsiteY4803" fmla="*/ 1279748 h 6858000"/>
              <a:gd name="connsiteX4804" fmla="*/ 3499523 w 6858000"/>
              <a:gd name="connsiteY4804" fmla="*/ 1279748 h 6858000"/>
              <a:gd name="connsiteX4805" fmla="*/ 3499523 w 6858000"/>
              <a:gd name="connsiteY4805" fmla="*/ 1280193 h 6858000"/>
              <a:gd name="connsiteX4806" fmla="*/ 3499967 w 6858000"/>
              <a:gd name="connsiteY4806" fmla="*/ 1280193 h 6858000"/>
              <a:gd name="connsiteX4807" fmla="*/ 3499967 w 6858000"/>
              <a:gd name="connsiteY4807" fmla="*/ 1279748 h 6858000"/>
              <a:gd name="connsiteX4808" fmla="*/ 3376466 w 6858000"/>
              <a:gd name="connsiteY4808" fmla="*/ 1279748 h 6858000"/>
              <a:gd name="connsiteX4809" fmla="*/ 3376466 w 6858000"/>
              <a:gd name="connsiteY4809" fmla="*/ 1280193 h 6858000"/>
              <a:gd name="connsiteX4810" fmla="*/ 3376910 w 6858000"/>
              <a:gd name="connsiteY4810" fmla="*/ 1280193 h 6858000"/>
              <a:gd name="connsiteX4811" fmla="*/ 3376910 w 6858000"/>
              <a:gd name="connsiteY4811" fmla="*/ 1279748 h 6858000"/>
              <a:gd name="connsiteX4812" fmla="*/ 3253186 w 6858000"/>
              <a:gd name="connsiteY4812" fmla="*/ 1279563 h 6858000"/>
              <a:gd name="connsiteX4813" fmla="*/ 3253186 w 6858000"/>
              <a:gd name="connsiteY4813" fmla="*/ 1280414 h 6858000"/>
              <a:gd name="connsiteX4814" fmla="*/ 3254038 w 6858000"/>
              <a:gd name="connsiteY4814" fmla="*/ 1280414 h 6858000"/>
              <a:gd name="connsiteX4815" fmla="*/ 3254038 w 6858000"/>
              <a:gd name="connsiteY4815" fmla="*/ 1279563 h 6858000"/>
              <a:gd name="connsiteX4816" fmla="*/ 3129944 w 6858000"/>
              <a:gd name="connsiteY4816" fmla="*/ 1279342 h 6858000"/>
              <a:gd name="connsiteX4817" fmla="*/ 3129944 w 6858000"/>
              <a:gd name="connsiteY4817" fmla="*/ 1280637 h 6858000"/>
              <a:gd name="connsiteX4818" fmla="*/ 3131240 w 6858000"/>
              <a:gd name="connsiteY4818" fmla="*/ 1280637 h 6858000"/>
              <a:gd name="connsiteX4819" fmla="*/ 3131240 w 6858000"/>
              <a:gd name="connsiteY4819" fmla="*/ 1279342 h 6858000"/>
              <a:gd name="connsiteX4820" fmla="*/ 3006442 w 6858000"/>
              <a:gd name="connsiteY4820" fmla="*/ 1278897 h 6858000"/>
              <a:gd name="connsiteX4821" fmla="*/ 3006442 w 6858000"/>
              <a:gd name="connsiteY4821" fmla="*/ 1281082 h 6858000"/>
              <a:gd name="connsiteX4822" fmla="*/ 3008627 w 6858000"/>
              <a:gd name="connsiteY4822" fmla="*/ 1281082 h 6858000"/>
              <a:gd name="connsiteX4823" fmla="*/ 3008627 w 6858000"/>
              <a:gd name="connsiteY4823" fmla="*/ 1278897 h 6858000"/>
              <a:gd name="connsiteX4824" fmla="*/ 2882940 w 6858000"/>
              <a:gd name="connsiteY4824" fmla="*/ 1278453 h 6858000"/>
              <a:gd name="connsiteX4825" fmla="*/ 2882940 w 6858000"/>
              <a:gd name="connsiteY4825" fmla="*/ 1281490 h 6858000"/>
              <a:gd name="connsiteX4826" fmla="*/ 2885977 w 6858000"/>
              <a:gd name="connsiteY4826" fmla="*/ 1281490 h 6858000"/>
              <a:gd name="connsiteX4827" fmla="*/ 2885977 w 6858000"/>
              <a:gd name="connsiteY4827" fmla="*/ 1278453 h 6858000"/>
              <a:gd name="connsiteX4828" fmla="*/ 2758994 w 6858000"/>
              <a:gd name="connsiteY4828" fmla="*/ 1277603 h 6858000"/>
              <a:gd name="connsiteX4829" fmla="*/ 2758994 w 6858000"/>
              <a:gd name="connsiteY4829" fmla="*/ 1282379 h 6858000"/>
              <a:gd name="connsiteX4830" fmla="*/ 2763771 w 6858000"/>
              <a:gd name="connsiteY4830" fmla="*/ 1282379 h 6858000"/>
              <a:gd name="connsiteX4831" fmla="*/ 2763771 w 6858000"/>
              <a:gd name="connsiteY4831" fmla="*/ 1277603 h 6858000"/>
              <a:gd name="connsiteX4832" fmla="*/ 2634419 w 6858000"/>
              <a:gd name="connsiteY4832" fmla="*/ 1276082 h 6858000"/>
              <a:gd name="connsiteX4833" fmla="*/ 2634419 w 6858000"/>
              <a:gd name="connsiteY4833" fmla="*/ 1283895 h 6858000"/>
              <a:gd name="connsiteX4834" fmla="*/ 2642233 w 6858000"/>
              <a:gd name="connsiteY4834" fmla="*/ 1283895 h 6858000"/>
              <a:gd name="connsiteX4835" fmla="*/ 2642233 w 6858000"/>
              <a:gd name="connsiteY4835" fmla="*/ 1276082 h 6858000"/>
              <a:gd name="connsiteX4836" fmla="*/ 2509399 w 6858000"/>
              <a:gd name="connsiteY4836" fmla="*/ 1274119 h 6858000"/>
              <a:gd name="connsiteX4837" fmla="*/ 2509399 w 6858000"/>
              <a:gd name="connsiteY4837" fmla="*/ 1285860 h 6858000"/>
              <a:gd name="connsiteX4838" fmla="*/ 2521138 w 6858000"/>
              <a:gd name="connsiteY4838" fmla="*/ 1285860 h 6858000"/>
              <a:gd name="connsiteX4839" fmla="*/ 2521138 w 6858000"/>
              <a:gd name="connsiteY4839" fmla="*/ 1274119 h 6858000"/>
              <a:gd name="connsiteX4840" fmla="*/ 2383749 w 6858000"/>
              <a:gd name="connsiteY4840" fmla="*/ 1271528 h 6858000"/>
              <a:gd name="connsiteX4841" fmla="*/ 2383749 w 6858000"/>
              <a:gd name="connsiteY4841" fmla="*/ 1288452 h 6858000"/>
              <a:gd name="connsiteX4842" fmla="*/ 2400673 w 6858000"/>
              <a:gd name="connsiteY4842" fmla="*/ 1288452 h 6858000"/>
              <a:gd name="connsiteX4843" fmla="*/ 2400673 w 6858000"/>
              <a:gd name="connsiteY4843" fmla="*/ 1271528 h 6858000"/>
              <a:gd name="connsiteX4844" fmla="*/ 2257655 w 6858000"/>
              <a:gd name="connsiteY4844" fmla="*/ 1268455 h 6858000"/>
              <a:gd name="connsiteX4845" fmla="*/ 2257655 w 6858000"/>
              <a:gd name="connsiteY4845" fmla="*/ 1291489 h 6858000"/>
              <a:gd name="connsiteX4846" fmla="*/ 2280689 w 6858000"/>
              <a:gd name="connsiteY4846" fmla="*/ 1291489 h 6858000"/>
              <a:gd name="connsiteX4847" fmla="*/ 2280689 w 6858000"/>
              <a:gd name="connsiteY4847" fmla="*/ 1268455 h 6858000"/>
              <a:gd name="connsiteX4848" fmla="*/ 2131117 w 6858000"/>
              <a:gd name="connsiteY4848" fmla="*/ 1265010 h 6858000"/>
              <a:gd name="connsiteX4849" fmla="*/ 2131117 w 6858000"/>
              <a:gd name="connsiteY4849" fmla="*/ 1294968 h 6858000"/>
              <a:gd name="connsiteX4850" fmla="*/ 2161076 w 6858000"/>
              <a:gd name="connsiteY4850" fmla="*/ 1294968 h 6858000"/>
              <a:gd name="connsiteX4851" fmla="*/ 2161076 w 6858000"/>
              <a:gd name="connsiteY4851" fmla="*/ 1265010 h 6858000"/>
              <a:gd name="connsiteX4852" fmla="*/ 2004578 w 6858000"/>
              <a:gd name="connsiteY4852" fmla="*/ 1261530 h 6858000"/>
              <a:gd name="connsiteX4853" fmla="*/ 2004578 w 6858000"/>
              <a:gd name="connsiteY4853" fmla="*/ 1298451 h 6858000"/>
              <a:gd name="connsiteX4854" fmla="*/ 2041499 w 6858000"/>
              <a:gd name="connsiteY4854" fmla="*/ 1298451 h 6858000"/>
              <a:gd name="connsiteX4855" fmla="*/ 2041499 w 6858000"/>
              <a:gd name="connsiteY4855" fmla="*/ 1261530 h 6858000"/>
              <a:gd name="connsiteX4856" fmla="*/ 1877596 w 6858000"/>
              <a:gd name="connsiteY4856" fmla="*/ 1257604 h 6858000"/>
              <a:gd name="connsiteX4857" fmla="*/ 1877596 w 6858000"/>
              <a:gd name="connsiteY4857" fmla="*/ 1302341 h 6858000"/>
              <a:gd name="connsiteX4858" fmla="*/ 1922331 w 6858000"/>
              <a:gd name="connsiteY4858" fmla="*/ 1302341 h 6858000"/>
              <a:gd name="connsiteX4859" fmla="*/ 1922331 w 6858000"/>
              <a:gd name="connsiteY4859" fmla="*/ 1257604 h 6858000"/>
              <a:gd name="connsiteX4860" fmla="*/ 1750872 w 6858000"/>
              <a:gd name="connsiteY4860" fmla="*/ 1253938 h 6858000"/>
              <a:gd name="connsiteX4861" fmla="*/ 1750872 w 6858000"/>
              <a:gd name="connsiteY4861" fmla="*/ 1306042 h 6858000"/>
              <a:gd name="connsiteX4862" fmla="*/ 1802976 w 6858000"/>
              <a:gd name="connsiteY4862" fmla="*/ 1306042 h 6858000"/>
              <a:gd name="connsiteX4863" fmla="*/ 1802976 w 6858000"/>
              <a:gd name="connsiteY4863" fmla="*/ 1253938 h 6858000"/>
              <a:gd name="connsiteX4864" fmla="*/ 1623890 w 6858000"/>
              <a:gd name="connsiteY4864" fmla="*/ 1250013 h 6858000"/>
              <a:gd name="connsiteX4865" fmla="*/ 1623890 w 6858000"/>
              <a:gd name="connsiteY4865" fmla="*/ 1309968 h 6858000"/>
              <a:gd name="connsiteX4866" fmla="*/ 1683845 w 6858000"/>
              <a:gd name="connsiteY4866" fmla="*/ 1309968 h 6858000"/>
              <a:gd name="connsiteX4867" fmla="*/ 1683845 w 6858000"/>
              <a:gd name="connsiteY4867" fmla="*/ 1250013 h 6858000"/>
              <a:gd name="connsiteX4868" fmla="*/ 1496907 w 6858000"/>
              <a:gd name="connsiteY4868" fmla="*/ 1246086 h 6858000"/>
              <a:gd name="connsiteX4869" fmla="*/ 1496907 w 6858000"/>
              <a:gd name="connsiteY4869" fmla="*/ 1313855 h 6858000"/>
              <a:gd name="connsiteX4870" fmla="*/ 1564676 w 6858000"/>
              <a:gd name="connsiteY4870" fmla="*/ 1313855 h 6858000"/>
              <a:gd name="connsiteX4871" fmla="*/ 1564676 w 6858000"/>
              <a:gd name="connsiteY4871" fmla="*/ 1246086 h 6858000"/>
              <a:gd name="connsiteX4872" fmla="*/ 1369961 w 6858000"/>
              <a:gd name="connsiteY4872" fmla="*/ 1242197 h 6858000"/>
              <a:gd name="connsiteX4873" fmla="*/ 1369961 w 6858000"/>
              <a:gd name="connsiteY4873" fmla="*/ 1317780 h 6858000"/>
              <a:gd name="connsiteX4874" fmla="*/ 1445543 w 6858000"/>
              <a:gd name="connsiteY4874" fmla="*/ 1317780 h 6858000"/>
              <a:gd name="connsiteX4875" fmla="*/ 1445543 w 6858000"/>
              <a:gd name="connsiteY4875" fmla="*/ 1242197 h 6858000"/>
              <a:gd name="connsiteX4876" fmla="*/ 1243201 w 6858000"/>
              <a:gd name="connsiteY4876" fmla="*/ 1238494 h 6858000"/>
              <a:gd name="connsiteX4877" fmla="*/ 1243201 w 6858000"/>
              <a:gd name="connsiteY4877" fmla="*/ 1321446 h 6858000"/>
              <a:gd name="connsiteX4878" fmla="*/ 1326153 w 6858000"/>
              <a:gd name="connsiteY4878" fmla="*/ 1321446 h 6858000"/>
              <a:gd name="connsiteX4879" fmla="*/ 1326153 w 6858000"/>
              <a:gd name="connsiteY4879" fmla="*/ 1238494 h 6858000"/>
              <a:gd name="connsiteX4880" fmla="*/ 1116662 w 6858000"/>
              <a:gd name="connsiteY4880" fmla="*/ 1235014 h 6858000"/>
              <a:gd name="connsiteX4881" fmla="*/ 1116662 w 6858000"/>
              <a:gd name="connsiteY4881" fmla="*/ 1324928 h 6858000"/>
              <a:gd name="connsiteX4882" fmla="*/ 1206576 w 6858000"/>
              <a:gd name="connsiteY4882" fmla="*/ 1324928 h 6858000"/>
              <a:gd name="connsiteX4883" fmla="*/ 1206576 w 6858000"/>
              <a:gd name="connsiteY4883" fmla="*/ 1235014 h 6858000"/>
              <a:gd name="connsiteX4884" fmla="*/ 990346 w 6858000"/>
              <a:gd name="connsiteY4884" fmla="*/ 1231755 h 6858000"/>
              <a:gd name="connsiteX4885" fmla="*/ 990346 w 6858000"/>
              <a:gd name="connsiteY4885" fmla="*/ 1328188 h 6858000"/>
              <a:gd name="connsiteX4886" fmla="*/ 1086777 w 6858000"/>
              <a:gd name="connsiteY4886" fmla="*/ 1328188 h 6858000"/>
              <a:gd name="connsiteX4887" fmla="*/ 1086777 w 6858000"/>
              <a:gd name="connsiteY4887" fmla="*/ 1231755 h 6858000"/>
              <a:gd name="connsiteX4888" fmla="*/ 864474 w 6858000"/>
              <a:gd name="connsiteY4888" fmla="*/ 1228943 h 6858000"/>
              <a:gd name="connsiteX4889" fmla="*/ 864474 w 6858000"/>
              <a:gd name="connsiteY4889" fmla="*/ 1331002 h 6858000"/>
              <a:gd name="connsiteX4890" fmla="*/ 966534 w 6858000"/>
              <a:gd name="connsiteY4890" fmla="*/ 1331002 h 6858000"/>
              <a:gd name="connsiteX4891" fmla="*/ 966534 w 6858000"/>
              <a:gd name="connsiteY4891" fmla="*/ 1228943 h 6858000"/>
              <a:gd name="connsiteX4892" fmla="*/ 739232 w 6858000"/>
              <a:gd name="connsiteY4892" fmla="*/ 1226795 h 6858000"/>
              <a:gd name="connsiteX4893" fmla="*/ 739232 w 6858000"/>
              <a:gd name="connsiteY4893" fmla="*/ 1333187 h 6858000"/>
              <a:gd name="connsiteX4894" fmla="*/ 845625 w 6858000"/>
              <a:gd name="connsiteY4894" fmla="*/ 1333187 h 6858000"/>
              <a:gd name="connsiteX4895" fmla="*/ 845625 w 6858000"/>
              <a:gd name="connsiteY4895" fmla="*/ 1226795 h 6858000"/>
              <a:gd name="connsiteX4896" fmla="*/ 614657 w 6858000"/>
              <a:gd name="connsiteY4896" fmla="*/ 1225238 h 6858000"/>
              <a:gd name="connsiteX4897" fmla="*/ 614657 w 6858000"/>
              <a:gd name="connsiteY4897" fmla="*/ 1334706 h 6858000"/>
              <a:gd name="connsiteX4898" fmla="*/ 724124 w 6858000"/>
              <a:gd name="connsiteY4898" fmla="*/ 1334706 h 6858000"/>
              <a:gd name="connsiteX4899" fmla="*/ 724124 w 6858000"/>
              <a:gd name="connsiteY4899" fmla="*/ 1225238 h 6858000"/>
              <a:gd name="connsiteX4900" fmla="*/ 490933 w 6858000"/>
              <a:gd name="connsiteY4900" fmla="*/ 1224609 h 6858000"/>
              <a:gd name="connsiteX4901" fmla="*/ 490933 w 6858000"/>
              <a:gd name="connsiteY4901" fmla="*/ 1335372 h 6858000"/>
              <a:gd name="connsiteX4902" fmla="*/ 601696 w 6858000"/>
              <a:gd name="connsiteY4902" fmla="*/ 1335372 h 6858000"/>
              <a:gd name="connsiteX4903" fmla="*/ 601696 w 6858000"/>
              <a:gd name="connsiteY4903" fmla="*/ 1224609 h 6858000"/>
              <a:gd name="connsiteX4904" fmla="*/ 367875 w 6858000"/>
              <a:gd name="connsiteY4904" fmla="*/ 1224609 h 6858000"/>
              <a:gd name="connsiteX4905" fmla="*/ 367875 w 6858000"/>
              <a:gd name="connsiteY4905" fmla="*/ 1335372 h 6858000"/>
              <a:gd name="connsiteX4906" fmla="*/ 478638 w 6858000"/>
              <a:gd name="connsiteY4906" fmla="*/ 1335372 h 6858000"/>
              <a:gd name="connsiteX4907" fmla="*/ 478638 w 6858000"/>
              <a:gd name="connsiteY4907" fmla="*/ 1224609 h 6858000"/>
              <a:gd name="connsiteX4908" fmla="*/ 244818 w 6858000"/>
              <a:gd name="connsiteY4908" fmla="*/ 1224609 h 6858000"/>
              <a:gd name="connsiteX4909" fmla="*/ 244818 w 6858000"/>
              <a:gd name="connsiteY4909" fmla="*/ 1335372 h 6858000"/>
              <a:gd name="connsiteX4910" fmla="*/ 355581 w 6858000"/>
              <a:gd name="connsiteY4910" fmla="*/ 1335372 h 6858000"/>
              <a:gd name="connsiteX4911" fmla="*/ 355581 w 6858000"/>
              <a:gd name="connsiteY4911" fmla="*/ 1224609 h 6858000"/>
              <a:gd name="connsiteX4912" fmla="*/ 121761 w 6858000"/>
              <a:gd name="connsiteY4912" fmla="*/ 1224609 h 6858000"/>
              <a:gd name="connsiteX4913" fmla="*/ 121761 w 6858000"/>
              <a:gd name="connsiteY4913" fmla="*/ 1335372 h 6858000"/>
              <a:gd name="connsiteX4914" fmla="*/ 232524 w 6858000"/>
              <a:gd name="connsiteY4914" fmla="*/ 1335372 h 6858000"/>
              <a:gd name="connsiteX4915" fmla="*/ 232524 w 6858000"/>
              <a:gd name="connsiteY4915" fmla="*/ 1224609 h 6858000"/>
              <a:gd name="connsiteX4916" fmla="*/ 5714629 w 6858000"/>
              <a:gd name="connsiteY4916" fmla="*/ 1156689 h 6858000"/>
              <a:gd name="connsiteX4917" fmla="*/ 5714629 w 6858000"/>
              <a:gd name="connsiteY4917" fmla="*/ 1157134 h 6858000"/>
              <a:gd name="connsiteX4918" fmla="*/ 5715073 w 6858000"/>
              <a:gd name="connsiteY4918" fmla="*/ 1157134 h 6858000"/>
              <a:gd name="connsiteX4919" fmla="*/ 5715073 w 6858000"/>
              <a:gd name="connsiteY4919" fmla="*/ 1156689 h 6858000"/>
              <a:gd name="connsiteX4920" fmla="*/ 5591572 w 6858000"/>
              <a:gd name="connsiteY4920" fmla="*/ 1156689 h 6858000"/>
              <a:gd name="connsiteX4921" fmla="*/ 5591572 w 6858000"/>
              <a:gd name="connsiteY4921" fmla="*/ 1157134 h 6858000"/>
              <a:gd name="connsiteX4922" fmla="*/ 5592017 w 6858000"/>
              <a:gd name="connsiteY4922" fmla="*/ 1157134 h 6858000"/>
              <a:gd name="connsiteX4923" fmla="*/ 5592017 w 6858000"/>
              <a:gd name="connsiteY4923" fmla="*/ 1156689 h 6858000"/>
              <a:gd name="connsiteX4924" fmla="*/ 5468514 w 6858000"/>
              <a:gd name="connsiteY4924" fmla="*/ 1156689 h 6858000"/>
              <a:gd name="connsiteX4925" fmla="*/ 5468514 w 6858000"/>
              <a:gd name="connsiteY4925" fmla="*/ 1157134 h 6858000"/>
              <a:gd name="connsiteX4926" fmla="*/ 5468958 w 6858000"/>
              <a:gd name="connsiteY4926" fmla="*/ 1157134 h 6858000"/>
              <a:gd name="connsiteX4927" fmla="*/ 5468958 w 6858000"/>
              <a:gd name="connsiteY4927" fmla="*/ 1156689 h 6858000"/>
              <a:gd name="connsiteX4928" fmla="*/ 5222400 w 6858000"/>
              <a:gd name="connsiteY4928" fmla="*/ 1156689 h 6858000"/>
              <a:gd name="connsiteX4929" fmla="*/ 5222400 w 6858000"/>
              <a:gd name="connsiteY4929" fmla="*/ 1157134 h 6858000"/>
              <a:gd name="connsiteX4930" fmla="*/ 5222844 w 6858000"/>
              <a:gd name="connsiteY4930" fmla="*/ 1157134 h 6858000"/>
              <a:gd name="connsiteX4931" fmla="*/ 5222844 w 6858000"/>
              <a:gd name="connsiteY4931" fmla="*/ 1156689 h 6858000"/>
              <a:gd name="connsiteX4932" fmla="*/ 5099305 w 6858000"/>
              <a:gd name="connsiteY4932" fmla="*/ 1156689 h 6858000"/>
              <a:gd name="connsiteX4933" fmla="*/ 5099305 w 6858000"/>
              <a:gd name="connsiteY4933" fmla="*/ 1157134 h 6858000"/>
              <a:gd name="connsiteX4934" fmla="*/ 5099749 w 6858000"/>
              <a:gd name="connsiteY4934" fmla="*/ 1157134 h 6858000"/>
              <a:gd name="connsiteX4935" fmla="*/ 5099749 w 6858000"/>
              <a:gd name="connsiteY4935" fmla="*/ 1156689 h 6858000"/>
              <a:gd name="connsiteX4936" fmla="*/ 4976248 w 6858000"/>
              <a:gd name="connsiteY4936" fmla="*/ 1156689 h 6858000"/>
              <a:gd name="connsiteX4937" fmla="*/ 4976248 w 6858000"/>
              <a:gd name="connsiteY4937" fmla="*/ 1157134 h 6858000"/>
              <a:gd name="connsiteX4938" fmla="*/ 4976692 w 6858000"/>
              <a:gd name="connsiteY4938" fmla="*/ 1157134 h 6858000"/>
              <a:gd name="connsiteX4939" fmla="*/ 4976692 w 6858000"/>
              <a:gd name="connsiteY4939" fmla="*/ 1156689 h 6858000"/>
              <a:gd name="connsiteX4940" fmla="*/ 4853191 w 6858000"/>
              <a:gd name="connsiteY4940" fmla="*/ 1156689 h 6858000"/>
              <a:gd name="connsiteX4941" fmla="*/ 4853191 w 6858000"/>
              <a:gd name="connsiteY4941" fmla="*/ 1157134 h 6858000"/>
              <a:gd name="connsiteX4942" fmla="*/ 4853636 w 6858000"/>
              <a:gd name="connsiteY4942" fmla="*/ 1157134 h 6858000"/>
              <a:gd name="connsiteX4943" fmla="*/ 4853636 w 6858000"/>
              <a:gd name="connsiteY4943" fmla="*/ 1156689 h 6858000"/>
              <a:gd name="connsiteX4944" fmla="*/ 4730133 w 6858000"/>
              <a:gd name="connsiteY4944" fmla="*/ 1156689 h 6858000"/>
              <a:gd name="connsiteX4945" fmla="*/ 4730133 w 6858000"/>
              <a:gd name="connsiteY4945" fmla="*/ 1157134 h 6858000"/>
              <a:gd name="connsiteX4946" fmla="*/ 4730578 w 6858000"/>
              <a:gd name="connsiteY4946" fmla="*/ 1157134 h 6858000"/>
              <a:gd name="connsiteX4947" fmla="*/ 4730578 w 6858000"/>
              <a:gd name="connsiteY4947" fmla="*/ 1156689 h 6858000"/>
              <a:gd name="connsiteX4948" fmla="*/ 3991789 w 6858000"/>
              <a:gd name="connsiteY4948" fmla="*/ 1156689 h 6858000"/>
              <a:gd name="connsiteX4949" fmla="*/ 3991789 w 6858000"/>
              <a:gd name="connsiteY4949" fmla="*/ 1157134 h 6858000"/>
              <a:gd name="connsiteX4950" fmla="*/ 3992234 w 6858000"/>
              <a:gd name="connsiteY4950" fmla="*/ 1157134 h 6858000"/>
              <a:gd name="connsiteX4951" fmla="*/ 3992234 w 6858000"/>
              <a:gd name="connsiteY4951" fmla="*/ 1156689 h 6858000"/>
              <a:gd name="connsiteX4952" fmla="*/ 3868732 w 6858000"/>
              <a:gd name="connsiteY4952" fmla="*/ 1156689 h 6858000"/>
              <a:gd name="connsiteX4953" fmla="*/ 3868732 w 6858000"/>
              <a:gd name="connsiteY4953" fmla="*/ 1157134 h 6858000"/>
              <a:gd name="connsiteX4954" fmla="*/ 3869176 w 6858000"/>
              <a:gd name="connsiteY4954" fmla="*/ 1157134 h 6858000"/>
              <a:gd name="connsiteX4955" fmla="*/ 3869176 w 6858000"/>
              <a:gd name="connsiteY4955" fmla="*/ 1156689 h 6858000"/>
              <a:gd name="connsiteX4956" fmla="*/ 3745675 w 6858000"/>
              <a:gd name="connsiteY4956" fmla="*/ 1156689 h 6858000"/>
              <a:gd name="connsiteX4957" fmla="*/ 3745675 w 6858000"/>
              <a:gd name="connsiteY4957" fmla="*/ 1157134 h 6858000"/>
              <a:gd name="connsiteX4958" fmla="*/ 3746119 w 6858000"/>
              <a:gd name="connsiteY4958" fmla="*/ 1157134 h 6858000"/>
              <a:gd name="connsiteX4959" fmla="*/ 3746119 w 6858000"/>
              <a:gd name="connsiteY4959" fmla="*/ 1156689 h 6858000"/>
              <a:gd name="connsiteX4960" fmla="*/ 3622617 w 6858000"/>
              <a:gd name="connsiteY4960" fmla="*/ 1156689 h 6858000"/>
              <a:gd name="connsiteX4961" fmla="*/ 3622617 w 6858000"/>
              <a:gd name="connsiteY4961" fmla="*/ 1157134 h 6858000"/>
              <a:gd name="connsiteX4962" fmla="*/ 3623061 w 6858000"/>
              <a:gd name="connsiteY4962" fmla="*/ 1157134 h 6858000"/>
              <a:gd name="connsiteX4963" fmla="*/ 3623061 w 6858000"/>
              <a:gd name="connsiteY4963" fmla="*/ 1156689 h 6858000"/>
              <a:gd name="connsiteX4964" fmla="*/ 3499523 w 6858000"/>
              <a:gd name="connsiteY4964" fmla="*/ 1156689 h 6858000"/>
              <a:gd name="connsiteX4965" fmla="*/ 3499523 w 6858000"/>
              <a:gd name="connsiteY4965" fmla="*/ 1157134 h 6858000"/>
              <a:gd name="connsiteX4966" fmla="*/ 3499967 w 6858000"/>
              <a:gd name="connsiteY4966" fmla="*/ 1157134 h 6858000"/>
              <a:gd name="connsiteX4967" fmla="*/ 3499967 w 6858000"/>
              <a:gd name="connsiteY4967" fmla="*/ 1156689 h 6858000"/>
              <a:gd name="connsiteX4968" fmla="*/ 3376281 w 6858000"/>
              <a:gd name="connsiteY4968" fmla="*/ 1156505 h 6858000"/>
              <a:gd name="connsiteX4969" fmla="*/ 3376281 w 6858000"/>
              <a:gd name="connsiteY4969" fmla="*/ 1157358 h 6858000"/>
              <a:gd name="connsiteX4970" fmla="*/ 3377133 w 6858000"/>
              <a:gd name="connsiteY4970" fmla="*/ 1157358 h 6858000"/>
              <a:gd name="connsiteX4971" fmla="*/ 3377133 w 6858000"/>
              <a:gd name="connsiteY4971" fmla="*/ 1156505 h 6858000"/>
              <a:gd name="connsiteX4972" fmla="*/ 3253001 w 6858000"/>
              <a:gd name="connsiteY4972" fmla="*/ 1156283 h 6858000"/>
              <a:gd name="connsiteX4973" fmla="*/ 3253001 w 6858000"/>
              <a:gd name="connsiteY4973" fmla="*/ 1157579 h 6858000"/>
              <a:gd name="connsiteX4974" fmla="*/ 3254297 w 6858000"/>
              <a:gd name="connsiteY4974" fmla="*/ 1157579 h 6858000"/>
              <a:gd name="connsiteX4975" fmla="*/ 3254297 w 6858000"/>
              <a:gd name="connsiteY4975" fmla="*/ 1156283 h 6858000"/>
              <a:gd name="connsiteX4976" fmla="*/ 3129722 w 6858000"/>
              <a:gd name="connsiteY4976" fmla="*/ 1156061 h 6858000"/>
              <a:gd name="connsiteX4977" fmla="*/ 3129722 w 6858000"/>
              <a:gd name="connsiteY4977" fmla="*/ 1157802 h 6858000"/>
              <a:gd name="connsiteX4978" fmla="*/ 3131462 w 6858000"/>
              <a:gd name="connsiteY4978" fmla="*/ 1157802 h 6858000"/>
              <a:gd name="connsiteX4979" fmla="*/ 3131462 w 6858000"/>
              <a:gd name="connsiteY4979" fmla="*/ 1156061 h 6858000"/>
              <a:gd name="connsiteX4980" fmla="*/ 3005998 w 6858000"/>
              <a:gd name="connsiteY4980" fmla="*/ 1155395 h 6858000"/>
              <a:gd name="connsiteX4981" fmla="*/ 3005998 w 6858000"/>
              <a:gd name="connsiteY4981" fmla="*/ 1158431 h 6858000"/>
              <a:gd name="connsiteX4982" fmla="*/ 3009035 w 6858000"/>
              <a:gd name="connsiteY4982" fmla="*/ 1158431 h 6858000"/>
              <a:gd name="connsiteX4983" fmla="*/ 3009035 w 6858000"/>
              <a:gd name="connsiteY4983" fmla="*/ 1155395 h 6858000"/>
              <a:gd name="connsiteX4984" fmla="*/ 2882274 w 6858000"/>
              <a:gd name="connsiteY4984" fmla="*/ 1154764 h 6858000"/>
              <a:gd name="connsiteX4985" fmla="*/ 2882274 w 6858000"/>
              <a:gd name="connsiteY4985" fmla="*/ 1159098 h 6858000"/>
              <a:gd name="connsiteX4986" fmla="*/ 2886607 w 6858000"/>
              <a:gd name="connsiteY4986" fmla="*/ 1159098 h 6858000"/>
              <a:gd name="connsiteX4987" fmla="*/ 2886607 w 6858000"/>
              <a:gd name="connsiteY4987" fmla="*/ 1154764 h 6858000"/>
              <a:gd name="connsiteX4988" fmla="*/ 2758143 w 6858000"/>
              <a:gd name="connsiteY4988" fmla="*/ 1153653 h 6858000"/>
              <a:gd name="connsiteX4989" fmla="*/ 2758143 w 6858000"/>
              <a:gd name="connsiteY4989" fmla="*/ 1160171 h 6858000"/>
              <a:gd name="connsiteX4990" fmla="*/ 2764661 w 6858000"/>
              <a:gd name="connsiteY4990" fmla="*/ 1160171 h 6858000"/>
              <a:gd name="connsiteX4991" fmla="*/ 2764661 w 6858000"/>
              <a:gd name="connsiteY4991" fmla="*/ 1153653 h 6858000"/>
              <a:gd name="connsiteX4992" fmla="*/ 2633567 w 6858000"/>
              <a:gd name="connsiteY4992" fmla="*/ 1152135 h 6858000"/>
              <a:gd name="connsiteX4993" fmla="*/ 2633567 w 6858000"/>
              <a:gd name="connsiteY4993" fmla="*/ 1161689 h 6858000"/>
              <a:gd name="connsiteX4994" fmla="*/ 2643121 w 6858000"/>
              <a:gd name="connsiteY4994" fmla="*/ 1161689 h 6858000"/>
              <a:gd name="connsiteX4995" fmla="*/ 2643121 w 6858000"/>
              <a:gd name="connsiteY4995" fmla="*/ 1152135 h 6858000"/>
              <a:gd name="connsiteX4996" fmla="*/ 2508547 w 6858000"/>
              <a:gd name="connsiteY4996" fmla="*/ 1150172 h 6858000"/>
              <a:gd name="connsiteX4997" fmla="*/ 2508547 w 6858000"/>
              <a:gd name="connsiteY4997" fmla="*/ 1163652 h 6858000"/>
              <a:gd name="connsiteX4998" fmla="*/ 2522027 w 6858000"/>
              <a:gd name="connsiteY4998" fmla="*/ 1163652 h 6858000"/>
              <a:gd name="connsiteX4999" fmla="*/ 2522027 w 6858000"/>
              <a:gd name="connsiteY4999" fmla="*/ 1150172 h 6858000"/>
              <a:gd name="connsiteX5000" fmla="*/ 2382675 w 6858000"/>
              <a:gd name="connsiteY5000" fmla="*/ 1147361 h 6858000"/>
              <a:gd name="connsiteX5001" fmla="*/ 2382675 w 6858000"/>
              <a:gd name="connsiteY5001" fmla="*/ 1166467 h 6858000"/>
              <a:gd name="connsiteX5002" fmla="*/ 2401783 w 6858000"/>
              <a:gd name="connsiteY5002" fmla="*/ 1166467 h 6858000"/>
              <a:gd name="connsiteX5003" fmla="*/ 2401783 w 6858000"/>
              <a:gd name="connsiteY5003" fmla="*/ 1147361 h 6858000"/>
              <a:gd name="connsiteX5004" fmla="*/ 2256766 w 6858000"/>
              <a:gd name="connsiteY5004" fmla="*/ 1144543 h 6858000"/>
              <a:gd name="connsiteX5005" fmla="*/ 2256766 w 6858000"/>
              <a:gd name="connsiteY5005" fmla="*/ 1169317 h 6858000"/>
              <a:gd name="connsiteX5006" fmla="*/ 2281540 w 6858000"/>
              <a:gd name="connsiteY5006" fmla="*/ 1169317 h 6858000"/>
              <a:gd name="connsiteX5007" fmla="*/ 2281540 w 6858000"/>
              <a:gd name="connsiteY5007" fmla="*/ 1144543 h 6858000"/>
              <a:gd name="connsiteX5008" fmla="*/ 2130228 w 6858000"/>
              <a:gd name="connsiteY5008" fmla="*/ 1141063 h 6858000"/>
              <a:gd name="connsiteX5009" fmla="*/ 2130228 w 6858000"/>
              <a:gd name="connsiteY5009" fmla="*/ 1172761 h 6858000"/>
              <a:gd name="connsiteX5010" fmla="*/ 2161927 w 6858000"/>
              <a:gd name="connsiteY5010" fmla="*/ 1172761 h 6858000"/>
              <a:gd name="connsiteX5011" fmla="*/ 2161927 w 6858000"/>
              <a:gd name="connsiteY5011" fmla="*/ 1141063 h 6858000"/>
              <a:gd name="connsiteX5012" fmla="*/ 2003912 w 6858000"/>
              <a:gd name="connsiteY5012" fmla="*/ 1137804 h 6858000"/>
              <a:gd name="connsiteX5013" fmla="*/ 2003912 w 6858000"/>
              <a:gd name="connsiteY5013" fmla="*/ 1176021 h 6858000"/>
              <a:gd name="connsiteX5014" fmla="*/ 2042129 w 6858000"/>
              <a:gd name="connsiteY5014" fmla="*/ 1176021 h 6858000"/>
              <a:gd name="connsiteX5015" fmla="*/ 2042129 w 6858000"/>
              <a:gd name="connsiteY5015" fmla="*/ 1137804 h 6858000"/>
              <a:gd name="connsiteX5016" fmla="*/ 1876966 w 6858000"/>
              <a:gd name="connsiteY5016" fmla="*/ 1133915 h 6858000"/>
              <a:gd name="connsiteX5017" fmla="*/ 1876966 w 6858000"/>
              <a:gd name="connsiteY5017" fmla="*/ 1179946 h 6858000"/>
              <a:gd name="connsiteX5018" fmla="*/ 1922997 w 6858000"/>
              <a:gd name="connsiteY5018" fmla="*/ 1179946 h 6858000"/>
              <a:gd name="connsiteX5019" fmla="*/ 1922997 w 6858000"/>
              <a:gd name="connsiteY5019" fmla="*/ 1133915 h 6858000"/>
              <a:gd name="connsiteX5020" fmla="*/ 1750206 w 6858000"/>
              <a:gd name="connsiteY5020" fmla="*/ 1130212 h 6858000"/>
              <a:gd name="connsiteX5021" fmla="*/ 1750206 w 6858000"/>
              <a:gd name="connsiteY5021" fmla="*/ 1183649 h 6858000"/>
              <a:gd name="connsiteX5022" fmla="*/ 1803643 w 6858000"/>
              <a:gd name="connsiteY5022" fmla="*/ 1183649 h 6858000"/>
              <a:gd name="connsiteX5023" fmla="*/ 1803643 w 6858000"/>
              <a:gd name="connsiteY5023" fmla="*/ 1130212 h 6858000"/>
              <a:gd name="connsiteX5024" fmla="*/ 1623223 w 6858000"/>
              <a:gd name="connsiteY5024" fmla="*/ 1126287 h 6858000"/>
              <a:gd name="connsiteX5025" fmla="*/ 1623223 w 6858000"/>
              <a:gd name="connsiteY5025" fmla="*/ 1187538 h 6858000"/>
              <a:gd name="connsiteX5026" fmla="*/ 1684474 w 6858000"/>
              <a:gd name="connsiteY5026" fmla="*/ 1187538 h 6858000"/>
              <a:gd name="connsiteX5027" fmla="*/ 1684474 w 6858000"/>
              <a:gd name="connsiteY5027" fmla="*/ 1126287 h 6858000"/>
              <a:gd name="connsiteX5028" fmla="*/ 1496499 w 6858000"/>
              <a:gd name="connsiteY5028" fmla="*/ 1122622 h 6858000"/>
              <a:gd name="connsiteX5029" fmla="*/ 1496499 w 6858000"/>
              <a:gd name="connsiteY5029" fmla="*/ 1191241 h 6858000"/>
              <a:gd name="connsiteX5030" fmla="*/ 1565119 w 6858000"/>
              <a:gd name="connsiteY5030" fmla="*/ 1191241 h 6858000"/>
              <a:gd name="connsiteX5031" fmla="*/ 1565119 w 6858000"/>
              <a:gd name="connsiteY5031" fmla="*/ 1122622 h 6858000"/>
              <a:gd name="connsiteX5032" fmla="*/ 1369739 w 6858000"/>
              <a:gd name="connsiteY5032" fmla="*/ 1118955 h 6858000"/>
              <a:gd name="connsiteX5033" fmla="*/ 1369739 w 6858000"/>
              <a:gd name="connsiteY5033" fmla="*/ 1194944 h 6858000"/>
              <a:gd name="connsiteX5034" fmla="*/ 1445729 w 6858000"/>
              <a:gd name="connsiteY5034" fmla="*/ 1194944 h 6858000"/>
              <a:gd name="connsiteX5035" fmla="*/ 1445729 w 6858000"/>
              <a:gd name="connsiteY5035" fmla="*/ 1118955 h 6858000"/>
              <a:gd name="connsiteX5036" fmla="*/ 1242978 w 6858000"/>
              <a:gd name="connsiteY5036" fmla="*/ 1115214 h 6858000"/>
              <a:gd name="connsiteX5037" fmla="*/ 1242978 w 6858000"/>
              <a:gd name="connsiteY5037" fmla="*/ 1198610 h 6858000"/>
              <a:gd name="connsiteX5038" fmla="*/ 1326374 w 6858000"/>
              <a:gd name="connsiteY5038" fmla="*/ 1198610 h 6858000"/>
              <a:gd name="connsiteX5039" fmla="*/ 1326374 w 6858000"/>
              <a:gd name="connsiteY5039" fmla="*/ 1115214 h 6858000"/>
              <a:gd name="connsiteX5040" fmla="*/ 1116662 w 6858000"/>
              <a:gd name="connsiteY5040" fmla="*/ 1111955 h 6858000"/>
              <a:gd name="connsiteX5041" fmla="*/ 1116662 w 6858000"/>
              <a:gd name="connsiteY5041" fmla="*/ 1201870 h 6858000"/>
              <a:gd name="connsiteX5042" fmla="*/ 1206576 w 6858000"/>
              <a:gd name="connsiteY5042" fmla="*/ 1201870 h 6858000"/>
              <a:gd name="connsiteX5043" fmla="*/ 1206576 w 6858000"/>
              <a:gd name="connsiteY5043" fmla="*/ 1111955 h 6858000"/>
              <a:gd name="connsiteX5044" fmla="*/ 990568 w 6858000"/>
              <a:gd name="connsiteY5044" fmla="*/ 1108919 h 6858000"/>
              <a:gd name="connsiteX5045" fmla="*/ 990568 w 6858000"/>
              <a:gd name="connsiteY5045" fmla="*/ 1204907 h 6858000"/>
              <a:gd name="connsiteX5046" fmla="*/ 1086555 w 6858000"/>
              <a:gd name="connsiteY5046" fmla="*/ 1204907 h 6858000"/>
              <a:gd name="connsiteX5047" fmla="*/ 1086555 w 6858000"/>
              <a:gd name="connsiteY5047" fmla="*/ 1108919 h 6858000"/>
              <a:gd name="connsiteX5048" fmla="*/ 864697 w 6858000"/>
              <a:gd name="connsiteY5048" fmla="*/ 1106141 h 6858000"/>
              <a:gd name="connsiteX5049" fmla="*/ 864697 w 6858000"/>
              <a:gd name="connsiteY5049" fmla="*/ 1207757 h 6858000"/>
              <a:gd name="connsiteX5050" fmla="*/ 966313 w 6858000"/>
              <a:gd name="connsiteY5050" fmla="*/ 1207757 h 6858000"/>
              <a:gd name="connsiteX5051" fmla="*/ 966313 w 6858000"/>
              <a:gd name="connsiteY5051" fmla="*/ 1106141 h 6858000"/>
              <a:gd name="connsiteX5052" fmla="*/ 739677 w 6858000"/>
              <a:gd name="connsiteY5052" fmla="*/ 1104142 h 6858000"/>
              <a:gd name="connsiteX5053" fmla="*/ 739677 w 6858000"/>
              <a:gd name="connsiteY5053" fmla="*/ 1209683 h 6858000"/>
              <a:gd name="connsiteX5054" fmla="*/ 845218 w 6858000"/>
              <a:gd name="connsiteY5054" fmla="*/ 1209683 h 6858000"/>
              <a:gd name="connsiteX5055" fmla="*/ 845218 w 6858000"/>
              <a:gd name="connsiteY5055" fmla="*/ 1104142 h 6858000"/>
              <a:gd name="connsiteX5056" fmla="*/ 615101 w 6858000"/>
              <a:gd name="connsiteY5056" fmla="*/ 1102624 h 6858000"/>
              <a:gd name="connsiteX5057" fmla="*/ 615101 w 6858000"/>
              <a:gd name="connsiteY5057" fmla="*/ 1211201 h 6858000"/>
              <a:gd name="connsiteX5058" fmla="*/ 723679 w 6858000"/>
              <a:gd name="connsiteY5058" fmla="*/ 1211201 h 6858000"/>
              <a:gd name="connsiteX5059" fmla="*/ 723679 w 6858000"/>
              <a:gd name="connsiteY5059" fmla="*/ 1102624 h 6858000"/>
              <a:gd name="connsiteX5060" fmla="*/ 491377 w 6858000"/>
              <a:gd name="connsiteY5060" fmla="*/ 1101995 h 6858000"/>
              <a:gd name="connsiteX5061" fmla="*/ 491377 w 6858000"/>
              <a:gd name="connsiteY5061" fmla="*/ 1211868 h 6858000"/>
              <a:gd name="connsiteX5062" fmla="*/ 601251 w 6858000"/>
              <a:gd name="connsiteY5062" fmla="*/ 1211868 h 6858000"/>
              <a:gd name="connsiteX5063" fmla="*/ 601251 w 6858000"/>
              <a:gd name="connsiteY5063" fmla="*/ 1101995 h 6858000"/>
              <a:gd name="connsiteX5064" fmla="*/ 367875 w 6858000"/>
              <a:gd name="connsiteY5064" fmla="*/ 1101549 h 6858000"/>
              <a:gd name="connsiteX5065" fmla="*/ 367875 w 6858000"/>
              <a:gd name="connsiteY5065" fmla="*/ 1212311 h 6858000"/>
              <a:gd name="connsiteX5066" fmla="*/ 478638 w 6858000"/>
              <a:gd name="connsiteY5066" fmla="*/ 1212311 h 6858000"/>
              <a:gd name="connsiteX5067" fmla="*/ 478638 w 6858000"/>
              <a:gd name="connsiteY5067" fmla="*/ 1101549 h 6858000"/>
              <a:gd name="connsiteX5068" fmla="*/ 244818 w 6858000"/>
              <a:gd name="connsiteY5068" fmla="*/ 1101549 h 6858000"/>
              <a:gd name="connsiteX5069" fmla="*/ 244818 w 6858000"/>
              <a:gd name="connsiteY5069" fmla="*/ 1212311 h 6858000"/>
              <a:gd name="connsiteX5070" fmla="*/ 355581 w 6858000"/>
              <a:gd name="connsiteY5070" fmla="*/ 1212311 h 6858000"/>
              <a:gd name="connsiteX5071" fmla="*/ 355581 w 6858000"/>
              <a:gd name="connsiteY5071" fmla="*/ 1101549 h 6858000"/>
              <a:gd name="connsiteX5072" fmla="*/ 121761 w 6858000"/>
              <a:gd name="connsiteY5072" fmla="*/ 1101549 h 6858000"/>
              <a:gd name="connsiteX5073" fmla="*/ 121761 w 6858000"/>
              <a:gd name="connsiteY5073" fmla="*/ 1212311 h 6858000"/>
              <a:gd name="connsiteX5074" fmla="*/ 232524 w 6858000"/>
              <a:gd name="connsiteY5074" fmla="*/ 1212311 h 6858000"/>
              <a:gd name="connsiteX5075" fmla="*/ 232524 w 6858000"/>
              <a:gd name="connsiteY5075" fmla="*/ 1101549 h 6858000"/>
              <a:gd name="connsiteX5076" fmla="*/ 4114847 w 6858000"/>
              <a:gd name="connsiteY5076" fmla="*/ 1033628 h 6858000"/>
              <a:gd name="connsiteX5077" fmla="*/ 4114847 w 6858000"/>
              <a:gd name="connsiteY5077" fmla="*/ 1034072 h 6858000"/>
              <a:gd name="connsiteX5078" fmla="*/ 4115291 w 6858000"/>
              <a:gd name="connsiteY5078" fmla="*/ 1034072 h 6858000"/>
              <a:gd name="connsiteX5079" fmla="*/ 4115291 w 6858000"/>
              <a:gd name="connsiteY5079" fmla="*/ 1033628 h 6858000"/>
              <a:gd name="connsiteX5080" fmla="*/ 3991789 w 6858000"/>
              <a:gd name="connsiteY5080" fmla="*/ 1033628 h 6858000"/>
              <a:gd name="connsiteX5081" fmla="*/ 3991789 w 6858000"/>
              <a:gd name="connsiteY5081" fmla="*/ 1034072 h 6858000"/>
              <a:gd name="connsiteX5082" fmla="*/ 3992234 w 6858000"/>
              <a:gd name="connsiteY5082" fmla="*/ 1034072 h 6858000"/>
              <a:gd name="connsiteX5083" fmla="*/ 3992234 w 6858000"/>
              <a:gd name="connsiteY5083" fmla="*/ 1033628 h 6858000"/>
              <a:gd name="connsiteX5084" fmla="*/ 3868732 w 6858000"/>
              <a:gd name="connsiteY5084" fmla="*/ 1033628 h 6858000"/>
              <a:gd name="connsiteX5085" fmla="*/ 3868732 w 6858000"/>
              <a:gd name="connsiteY5085" fmla="*/ 1034072 h 6858000"/>
              <a:gd name="connsiteX5086" fmla="*/ 3869176 w 6858000"/>
              <a:gd name="connsiteY5086" fmla="*/ 1034072 h 6858000"/>
              <a:gd name="connsiteX5087" fmla="*/ 3869176 w 6858000"/>
              <a:gd name="connsiteY5087" fmla="*/ 1033628 h 6858000"/>
              <a:gd name="connsiteX5088" fmla="*/ 3745675 w 6858000"/>
              <a:gd name="connsiteY5088" fmla="*/ 1033628 h 6858000"/>
              <a:gd name="connsiteX5089" fmla="*/ 3745675 w 6858000"/>
              <a:gd name="connsiteY5089" fmla="*/ 1034072 h 6858000"/>
              <a:gd name="connsiteX5090" fmla="*/ 3746119 w 6858000"/>
              <a:gd name="connsiteY5090" fmla="*/ 1034072 h 6858000"/>
              <a:gd name="connsiteX5091" fmla="*/ 3746119 w 6858000"/>
              <a:gd name="connsiteY5091" fmla="*/ 1033628 h 6858000"/>
              <a:gd name="connsiteX5092" fmla="*/ 3622617 w 6858000"/>
              <a:gd name="connsiteY5092" fmla="*/ 1033628 h 6858000"/>
              <a:gd name="connsiteX5093" fmla="*/ 3622617 w 6858000"/>
              <a:gd name="connsiteY5093" fmla="*/ 1034072 h 6858000"/>
              <a:gd name="connsiteX5094" fmla="*/ 3623061 w 6858000"/>
              <a:gd name="connsiteY5094" fmla="*/ 1034072 h 6858000"/>
              <a:gd name="connsiteX5095" fmla="*/ 3623061 w 6858000"/>
              <a:gd name="connsiteY5095" fmla="*/ 1033628 h 6858000"/>
              <a:gd name="connsiteX5096" fmla="*/ 5714629 w 6858000"/>
              <a:gd name="connsiteY5096" fmla="*/ 1033627 h 6858000"/>
              <a:gd name="connsiteX5097" fmla="*/ 5714629 w 6858000"/>
              <a:gd name="connsiteY5097" fmla="*/ 1034071 h 6858000"/>
              <a:gd name="connsiteX5098" fmla="*/ 5715073 w 6858000"/>
              <a:gd name="connsiteY5098" fmla="*/ 1034071 h 6858000"/>
              <a:gd name="connsiteX5099" fmla="*/ 5715073 w 6858000"/>
              <a:gd name="connsiteY5099" fmla="*/ 1033627 h 6858000"/>
              <a:gd name="connsiteX5100" fmla="*/ 5591572 w 6858000"/>
              <a:gd name="connsiteY5100" fmla="*/ 1033627 h 6858000"/>
              <a:gd name="connsiteX5101" fmla="*/ 5591572 w 6858000"/>
              <a:gd name="connsiteY5101" fmla="*/ 1034071 h 6858000"/>
              <a:gd name="connsiteX5102" fmla="*/ 5592017 w 6858000"/>
              <a:gd name="connsiteY5102" fmla="*/ 1034071 h 6858000"/>
              <a:gd name="connsiteX5103" fmla="*/ 5592017 w 6858000"/>
              <a:gd name="connsiteY5103" fmla="*/ 1033627 h 6858000"/>
              <a:gd name="connsiteX5104" fmla="*/ 5468514 w 6858000"/>
              <a:gd name="connsiteY5104" fmla="*/ 1033627 h 6858000"/>
              <a:gd name="connsiteX5105" fmla="*/ 5468514 w 6858000"/>
              <a:gd name="connsiteY5105" fmla="*/ 1034071 h 6858000"/>
              <a:gd name="connsiteX5106" fmla="*/ 5468958 w 6858000"/>
              <a:gd name="connsiteY5106" fmla="*/ 1034071 h 6858000"/>
              <a:gd name="connsiteX5107" fmla="*/ 5468958 w 6858000"/>
              <a:gd name="connsiteY5107" fmla="*/ 1033627 h 6858000"/>
              <a:gd name="connsiteX5108" fmla="*/ 5345457 w 6858000"/>
              <a:gd name="connsiteY5108" fmla="*/ 1033627 h 6858000"/>
              <a:gd name="connsiteX5109" fmla="*/ 5345457 w 6858000"/>
              <a:gd name="connsiteY5109" fmla="*/ 1034071 h 6858000"/>
              <a:gd name="connsiteX5110" fmla="*/ 5345901 w 6858000"/>
              <a:gd name="connsiteY5110" fmla="*/ 1034071 h 6858000"/>
              <a:gd name="connsiteX5111" fmla="*/ 5345901 w 6858000"/>
              <a:gd name="connsiteY5111" fmla="*/ 1033627 h 6858000"/>
              <a:gd name="connsiteX5112" fmla="*/ 5222400 w 6858000"/>
              <a:gd name="connsiteY5112" fmla="*/ 1033627 h 6858000"/>
              <a:gd name="connsiteX5113" fmla="*/ 5222400 w 6858000"/>
              <a:gd name="connsiteY5113" fmla="*/ 1034071 h 6858000"/>
              <a:gd name="connsiteX5114" fmla="*/ 5222844 w 6858000"/>
              <a:gd name="connsiteY5114" fmla="*/ 1034071 h 6858000"/>
              <a:gd name="connsiteX5115" fmla="*/ 5222844 w 6858000"/>
              <a:gd name="connsiteY5115" fmla="*/ 1033627 h 6858000"/>
              <a:gd name="connsiteX5116" fmla="*/ 5099305 w 6858000"/>
              <a:gd name="connsiteY5116" fmla="*/ 1033627 h 6858000"/>
              <a:gd name="connsiteX5117" fmla="*/ 5099305 w 6858000"/>
              <a:gd name="connsiteY5117" fmla="*/ 1034071 h 6858000"/>
              <a:gd name="connsiteX5118" fmla="*/ 5099749 w 6858000"/>
              <a:gd name="connsiteY5118" fmla="*/ 1034071 h 6858000"/>
              <a:gd name="connsiteX5119" fmla="*/ 5099749 w 6858000"/>
              <a:gd name="connsiteY5119" fmla="*/ 1033627 h 6858000"/>
              <a:gd name="connsiteX5120" fmla="*/ 4976248 w 6858000"/>
              <a:gd name="connsiteY5120" fmla="*/ 1033627 h 6858000"/>
              <a:gd name="connsiteX5121" fmla="*/ 4976248 w 6858000"/>
              <a:gd name="connsiteY5121" fmla="*/ 1034071 h 6858000"/>
              <a:gd name="connsiteX5122" fmla="*/ 4976692 w 6858000"/>
              <a:gd name="connsiteY5122" fmla="*/ 1034071 h 6858000"/>
              <a:gd name="connsiteX5123" fmla="*/ 4976692 w 6858000"/>
              <a:gd name="connsiteY5123" fmla="*/ 1033627 h 6858000"/>
              <a:gd name="connsiteX5124" fmla="*/ 4853191 w 6858000"/>
              <a:gd name="connsiteY5124" fmla="*/ 1033627 h 6858000"/>
              <a:gd name="connsiteX5125" fmla="*/ 4853191 w 6858000"/>
              <a:gd name="connsiteY5125" fmla="*/ 1034071 h 6858000"/>
              <a:gd name="connsiteX5126" fmla="*/ 4853636 w 6858000"/>
              <a:gd name="connsiteY5126" fmla="*/ 1034071 h 6858000"/>
              <a:gd name="connsiteX5127" fmla="*/ 4853636 w 6858000"/>
              <a:gd name="connsiteY5127" fmla="*/ 1033627 h 6858000"/>
              <a:gd name="connsiteX5128" fmla="*/ 4730133 w 6858000"/>
              <a:gd name="connsiteY5128" fmla="*/ 1033627 h 6858000"/>
              <a:gd name="connsiteX5129" fmla="*/ 4730133 w 6858000"/>
              <a:gd name="connsiteY5129" fmla="*/ 1034071 h 6858000"/>
              <a:gd name="connsiteX5130" fmla="*/ 4730578 w 6858000"/>
              <a:gd name="connsiteY5130" fmla="*/ 1034071 h 6858000"/>
              <a:gd name="connsiteX5131" fmla="*/ 4730578 w 6858000"/>
              <a:gd name="connsiteY5131" fmla="*/ 1033627 h 6858000"/>
              <a:gd name="connsiteX5132" fmla="*/ 4607076 w 6858000"/>
              <a:gd name="connsiteY5132" fmla="*/ 1033627 h 6858000"/>
              <a:gd name="connsiteX5133" fmla="*/ 4607076 w 6858000"/>
              <a:gd name="connsiteY5133" fmla="*/ 1034072 h 6858000"/>
              <a:gd name="connsiteX5134" fmla="*/ 4607520 w 6858000"/>
              <a:gd name="connsiteY5134" fmla="*/ 1034072 h 6858000"/>
              <a:gd name="connsiteX5135" fmla="*/ 4607520 w 6858000"/>
              <a:gd name="connsiteY5135" fmla="*/ 1033627 h 6858000"/>
              <a:gd name="connsiteX5136" fmla="*/ 3499338 w 6858000"/>
              <a:gd name="connsiteY5136" fmla="*/ 1033442 h 6858000"/>
              <a:gd name="connsiteX5137" fmla="*/ 3499338 w 6858000"/>
              <a:gd name="connsiteY5137" fmla="*/ 1034294 h 6858000"/>
              <a:gd name="connsiteX5138" fmla="*/ 3500190 w 6858000"/>
              <a:gd name="connsiteY5138" fmla="*/ 1034294 h 6858000"/>
              <a:gd name="connsiteX5139" fmla="*/ 3500190 w 6858000"/>
              <a:gd name="connsiteY5139" fmla="*/ 1033442 h 6858000"/>
              <a:gd name="connsiteX5140" fmla="*/ 3376058 w 6858000"/>
              <a:gd name="connsiteY5140" fmla="*/ 1033221 h 6858000"/>
              <a:gd name="connsiteX5141" fmla="*/ 3376058 w 6858000"/>
              <a:gd name="connsiteY5141" fmla="*/ 1034517 h 6858000"/>
              <a:gd name="connsiteX5142" fmla="*/ 3377354 w 6858000"/>
              <a:gd name="connsiteY5142" fmla="*/ 1034517 h 6858000"/>
              <a:gd name="connsiteX5143" fmla="*/ 3377354 w 6858000"/>
              <a:gd name="connsiteY5143" fmla="*/ 1033221 h 6858000"/>
              <a:gd name="connsiteX5144" fmla="*/ 3252779 w 6858000"/>
              <a:gd name="connsiteY5144" fmla="*/ 1033000 h 6858000"/>
              <a:gd name="connsiteX5145" fmla="*/ 3252779 w 6858000"/>
              <a:gd name="connsiteY5145" fmla="*/ 1034739 h 6858000"/>
              <a:gd name="connsiteX5146" fmla="*/ 3254519 w 6858000"/>
              <a:gd name="connsiteY5146" fmla="*/ 1034739 h 6858000"/>
              <a:gd name="connsiteX5147" fmla="*/ 3254519 w 6858000"/>
              <a:gd name="connsiteY5147" fmla="*/ 1033000 h 6858000"/>
              <a:gd name="connsiteX5148" fmla="*/ 3129055 w 6858000"/>
              <a:gd name="connsiteY5148" fmla="*/ 1032331 h 6858000"/>
              <a:gd name="connsiteX5149" fmla="*/ 3129055 w 6858000"/>
              <a:gd name="connsiteY5149" fmla="*/ 1035368 h 6858000"/>
              <a:gd name="connsiteX5150" fmla="*/ 3132092 w 6858000"/>
              <a:gd name="connsiteY5150" fmla="*/ 1035368 h 6858000"/>
              <a:gd name="connsiteX5151" fmla="*/ 3132092 w 6858000"/>
              <a:gd name="connsiteY5151" fmla="*/ 1032331 h 6858000"/>
              <a:gd name="connsiteX5152" fmla="*/ 3005553 w 6858000"/>
              <a:gd name="connsiteY5152" fmla="*/ 1031887 h 6858000"/>
              <a:gd name="connsiteX5153" fmla="*/ 3005553 w 6858000"/>
              <a:gd name="connsiteY5153" fmla="*/ 1035813 h 6858000"/>
              <a:gd name="connsiteX5154" fmla="*/ 3009478 w 6858000"/>
              <a:gd name="connsiteY5154" fmla="*/ 1035813 h 6858000"/>
              <a:gd name="connsiteX5155" fmla="*/ 3009478 w 6858000"/>
              <a:gd name="connsiteY5155" fmla="*/ 1031887 h 6858000"/>
              <a:gd name="connsiteX5156" fmla="*/ 2881644 w 6858000"/>
              <a:gd name="connsiteY5156" fmla="*/ 1031035 h 6858000"/>
              <a:gd name="connsiteX5157" fmla="*/ 2881644 w 6858000"/>
              <a:gd name="connsiteY5157" fmla="*/ 1036664 h 6858000"/>
              <a:gd name="connsiteX5158" fmla="*/ 2887273 w 6858000"/>
              <a:gd name="connsiteY5158" fmla="*/ 1036664 h 6858000"/>
              <a:gd name="connsiteX5159" fmla="*/ 2887273 w 6858000"/>
              <a:gd name="connsiteY5159" fmla="*/ 1031035 h 6858000"/>
              <a:gd name="connsiteX5160" fmla="*/ 2757254 w 6858000"/>
              <a:gd name="connsiteY5160" fmla="*/ 1029741 h 6858000"/>
              <a:gd name="connsiteX5161" fmla="*/ 2757254 w 6858000"/>
              <a:gd name="connsiteY5161" fmla="*/ 1037998 h 6858000"/>
              <a:gd name="connsiteX5162" fmla="*/ 2765512 w 6858000"/>
              <a:gd name="connsiteY5162" fmla="*/ 1037998 h 6858000"/>
              <a:gd name="connsiteX5163" fmla="*/ 2765512 w 6858000"/>
              <a:gd name="connsiteY5163" fmla="*/ 1029741 h 6858000"/>
              <a:gd name="connsiteX5164" fmla="*/ 2632456 w 6858000"/>
              <a:gd name="connsiteY5164" fmla="*/ 1028000 h 6858000"/>
              <a:gd name="connsiteX5165" fmla="*/ 2632456 w 6858000"/>
              <a:gd name="connsiteY5165" fmla="*/ 1039739 h 6858000"/>
              <a:gd name="connsiteX5166" fmla="*/ 2644195 w 6858000"/>
              <a:gd name="connsiteY5166" fmla="*/ 1039739 h 6858000"/>
              <a:gd name="connsiteX5167" fmla="*/ 2644195 w 6858000"/>
              <a:gd name="connsiteY5167" fmla="*/ 1028000 h 6858000"/>
              <a:gd name="connsiteX5168" fmla="*/ 2507473 w 6858000"/>
              <a:gd name="connsiteY5168" fmla="*/ 1026037 h 6858000"/>
              <a:gd name="connsiteX5169" fmla="*/ 2507473 w 6858000"/>
              <a:gd name="connsiteY5169" fmla="*/ 1041665 h 6858000"/>
              <a:gd name="connsiteX5170" fmla="*/ 2523100 w 6858000"/>
              <a:gd name="connsiteY5170" fmla="*/ 1041665 h 6858000"/>
              <a:gd name="connsiteX5171" fmla="*/ 2523100 w 6858000"/>
              <a:gd name="connsiteY5171" fmla="*/ 1026037 h 6858000"/>
              <a:gd name="connsiteX5172" fmla="*/ 2381786 w 6858000"/>
              <a:gd name="connsiteY5172" fmla="*/ 1023445 h 6858000"/>
              <a:gd name="connsiteX5173" fmla="*/ 2381786 w 6858000"/>
              <a:gd name="connsiteY5173" fmla="*/ 1044293 h 6858000"/>
              <a:gd name="connsiteX5174" fmla="*/ 2402635 w 6858000"/>
              <a:gd name="connsiteY5174" fmla="*/ 1044293 h 6858000"/>
              <a:gd name="connsiteX5175" fmla="*/ 2402635 w 6858000"/>
              <a:gd name="connsiteY5175" fmla="*/ 1023445 h 6858000"/>
              <a:gd name="connsiteX5176" fmla="*/ 2255915 w 6858000"/>
              <a:gd name="connsiteY5176" fmla="*/ 1020630 h 6858000"/>
              <a:gd name="connsiteX5177" fmla="*/ 2255915 w 6858000"/>
              <a:gd name="connsiteY5177" fmla="*/ 1047108 h 6858000"/>
              <a:gd name="connsiteX5178" fmla="*/ 2282393 w 6858000"/>
              <a:gd name="connsiteY5178" fmla="*/ 1047108 h 6858000"/>
              <a:gd name="connsiteX5179" fmla="*/ 2282393 w 6858000"/>
              <a:gd name="connsiteY5179" fmla="*/ 1020630 h 6858000"/>
              <a:gd name="connsiteX5180" fmla="*/ 2129599 w 6858000"/>
              <a:gd name="connsiteY5180" fmla="*/ 1017371 h 6858000"/>
              <a:gd name="connsiteX5181" fmla="*/ 2129599 w 6858000"/>
              <a:gd name="connsiteY5181" fmla="*/ 1050367 h 6858000"/>
              <a:gd name="connsiteX5182" fmla="*/ 2162594 w 6858000"/>
              <a:gd name="connsiteY5182" fmla="*/ 1050367 h 6858000"/>
              <a:gd name="connsiteX5183" fmla="*/ 2162594 w 6858000"/>
              <a:gd name="connsiteY5183" fmla="*/ 1017371 h 6858000"/>
              <a:gd name="connsiteX5184" fmla="*/ 2003060 w 6858000"/>
              <a:gd name="connsiteY5184" fmla="*/ 1013890 h 6858000"/>
              <a:gd name="connsiteX5185" fmla="*/ 2003060 w 6858000"/>
              <a:gd name="connsiteY5185" fmla="*/ 1053848 h 6858000"/>
              <a:gd name="connsiteX5186" fmla="*/ 2043018 w 6858000"/>
              <a:gd name="connsiteY5186" fmla="*/ 1053848 h 6858000"/>
              <a:gd name="connsiteX5187" fmla="*/ 2043018 w 6858000"/>
              <a:gd name="connsiteY5187" fmla="*/ 1013890 h 6858000"/>
              <a:gd name="connsiteX5188" fmla="*/ 1876522 w 6858000"/>
              <a:gd name="connsiteY5188" fmla="*/ 1010408 h 6858000"/>
              <a:gd name="connsiteX5189" fmla="*/ 1876522 w 6858000"/>
              <a:gd name="connsiteY5189" fmla="*/ 1057329 h 6858000"/>
              <a:gd name="connsiteX5190" fmla="*/ 1923442 w 6858000"/>
              <a:gd name="connsiteY5190" fmla="*/ 1057329 h 6858000"/>
              <a:gd name="connsiteX5191" fmla="*/ 1923442 w 6858000"/>
              <a:gd name="connsiteY5191" fmla="*/ 1010408 h 6858000"/>
              <a:gd name="connsiteX5192" fmla="*/ 1749761 w 6858000"/>
              <a:gd name="connsiteY5192" fmla="*/ 1006705 h 6858000"/>
              <a:gd name="connsiteX5193" fmla="*/ 1749761 w 6858000"/>
              <a:gd name="connsiteY5193" fmla="*/ 1060995 h 6858000"/>
              <a:gd name="connsiteX5194" fmla="*/ 1804050 w 6858000"/>
              <a:gd name="connsiteY5194" fmla="*/ 1060995 h 6858000"/>
              <a:gd name="connsiteX5195" fmla="*/ 1804050 w 6858000"/>
              <a:gd name="connsiteY5195" fmla="*/ 1006705 h 6858000"/>
              <a:gd name="connsiteX5196" fmla="*/ 1622816 w 6858000"/>
              <a:gd name="connsiteY5196" fmla="*/ 1002818 h 6858000"/>
              <a:gd name="connsiteX5197" fmla="*/ 1622816 w 6858000"/>
              <a:gd name="connsiteY5197" fmla="*/ 1064922 h 6858000"/>
              <a:gd name="connsiteX5198" fmla="*/ 1684919 w 6858000"/>
              <a:gd name="connsiteY5198" fmla="*/ 1064922 h 6858000"/>
              <a:gd name="connsiteX5199" fmla="*/ 1684919 w 6858000"/>
              <a:gd name="connsiteY5199" fmla="*/ 1002818 h 6858000"/>
              <a:gd name="connsiteX5200" fmla="*/ 1496055 w 6858000"/>
              <a:gd name="connsiteY5200" fmla="*/ 999078 h 6858000"/>
              <a:gd name="connsiteX5201" fmla="*/ 1496055 w 6858000"/>
              <a:gd name="connsiteY5201" fmla="*/ 1068589 h 6858000"/>
              <a:gd name="connsiteX5202" fmla="*/ 1565564 w 6858000"/>
              <a:gd name="connsiteY5202" fmla="*/ 1068589 h 6858000"/>
              <a:gd name="connsiteX5203" fmla="*/ 1565564 w 6858000"/>
              <a:gd name="connsiteY5203" fmla="*/ 999078 h 6858000"/>
              <a:gd name="connsiteX5204" fmla="*/ 1369517 w 6858000"/>
              <a:gd name="connsiteY5204" fmla="*/ 995634 h 6858000"/>
              <a:gd name="connsiteX5205" fmla="*/ 1369517 w 6858000"/>
              <a:gd name="connsiteY5205" fmla="*/ 1072070 h 6858000"/>
              <a:gd name="connsiteX5206" fmla="*/ 1445951 w 6858000"/>
              <a:gd name="connsiteY5206" fmla="*/ 1072070 h 6858000"/>
              <a:gd name="connsiteX5207" fmla="*/ 1445951 w 6858000"/>
              <a:gd name="connsiteY5207" fmla="*/ 995634 h 6858000"/>
              <a:gd name="connsiteX5208" fmla="*/ 1242978 w 6858000"/>
              <a:gd name="connsiteY5208" fmla="*/ 992154 h 6858000"/>
              <a:gd name="connsiteX5209" fmla="*/ 1242978 w 6858000"/>
              <a:gd name="connsiteY5209" fmla="*/ 1075552 h 6858000"/>
              <a:gd name="connsiteX5210" fmla="*/ 1326374 w 6858000"/>
              <a:gd name="connsiteY5210" fmla="*/ 1075552 h 6858000"/>
              <a:gd name="connsiteX5211" fmla="*/ 1326374 w 6858000"/>
              <a:gd name="connsiteY5211" fmla="*/ 992154 h 6858000"/>
              <a:gd name="connsiteX5212" fmla="*/ 1116662 w 6858000"/>
              <a:gd name="connsiteY5212" fmla="*/ 988894 h 6858000"/>
              <a:gd name="connsiteX5213" fmla="*/ 1116662 w 6858000"/>
              <a:gd name="connsiteY5213" fmla="*/ 1078810 h 6858000"/>
              <a:gd name="connsiteX5214" fmla="*/ 1206576 w 6858000"/>
              <a:gd name="connsiteY5214" fmla="*/ 1078810 h 6858000"/>
              <a:gd name="connsiteX5215" fmla="*/ 1206576 w 6858000"/>
              <a:gd name="connsiteY5215" fmla="*/ 988894 h 6858000"/>
              <a:gd name="connsiteX5216" fmla="*/ 990568 w 6858000"/>
              <a:gd name="connsiteY5216" fmla="*/ 985857 h 6858000"/>
              <a:gd name="connsiteX5217" fmla="*/ 990568 w 6858000"/>
              <a:gd name="connsiteY5217" fmla="*/ 1081846 h 6858000"/>
              <a:gd name="connsiteX5218" fmla="*/ 1086555 w 6858000"/>
              <a:gd name="connsiteY5218" fmla="*/ 1081846 h 6858000"/>
              <a:gd name="connsiteX5219" fmla="*/ 1086555 w 6858000"/>
              <a:gd name="connsiteY5219" fmla="*/ 985857 h 6858000"/>
              <a:gd name="connsiteX5220" fmla="*/ 865104 w 6858000"/>
              <a:gd name="connsiteY5220" fmla="*/ 983489 h 6858000"/>
              <a:gd name="connsiteX5221" fmla="*/ 865104 w 6858000"/>
              <a:gd name="connsiteY5221" fmla="*/ 1084254 h 6858000"/>
              <a:gd name="connsiteX5222" fmla="*/ 965868 w 6858000"/>
              <a:gd name="connsiteY5222" fmla="*/ 1084254 h 6858000"/>
              <a:gd name="connsiteX5223" fmla="*/ 965868 w 6858000"/>
              <a:gd name="connsiteY5223" fmla="*/ 983489 h 6858000"/>
              <a:gd name="connsiteX5224" fmla="*/ 740306 w 6858000"/>
              <a:gd name="connsiteY5224" fmla="*/ 981747 h 6858000"/>
              <a:gd name="connsiteX5225" fmla="*/ 740306 w 6858000"/>
              <a:gd name="connsiteY5225" fmla="*/ 1085994 h 6858000"/>
              <a:gd name="connsiteX5226" fmla="*/ 844551 w 6858000"/>
              <a:gd name="connsiteY5226" fmla="*/ 1085994 h 6858000"/>
              <a:gd name="connsiteX5227" fmla="*/ 844551 w 6858000"/>
              <a:gd name="connsiteY5227" fmla="*/ 981747 h 6858000"/>
              <a:gd name="connsiteX5228" fmla="*/ 615508 w 6858000"/>
              <a:gd name="connsiteY5228" fmla="*/ 980007 h 6858000"/>
              <a:gd name="connsiteX5229" fmla="*/ 615508 w 6858000"/>
              <a:gd name="connsiteY5229" fmla="*/ 1087737 h 6858000"/>
              <a:gd name="connsiteX5230" fmla="*/ 723234 w 6858000"/>
              <a:gd name="connsiteY5230" fmla="*/ 1087737 h 6858000"/>
              <a:gd name="connsiteX5231" fmla="*/ 723234 w 6858000"/>
              <a:gd name="connsiteY5231" fmla="*/ 980007 h 6858000"/>
              <a:gd name="connsiteX5232" fmla="*/ 491821 w 6858000"/>
              <a:gd name="connsiteY5232" fmla="*/ 979342 h 6858000"/>
              <a:gd name="connsiteX5233" fmla="*/ 491821 w 6858000"/>
              <a:gd name="connsiteY5233" fmla="*/ 1088365 h 6858000"/>
              <a:gd name="connsiteX5234" fmla="*/ 600843 w 6858000"/>
              <a:gd name="connsiteY5234" fmla="*/ 1088365 h 6858000"/>
              <a:gd name="connsiteX5235" fmla="*/ 600843 w 6858000"/>
              <a:gd name="connsiteY5235" fmla="*/ 979342 h 6858000"/>
              <a:gd name="connsiteX5236" fmla="*/ 368098 w 6858000"/>
              <a:gd name="connsiteY5236" fmla="*/ 978711 h 6858000"/>
              <a:gd name="connsiteX5237" fmla="*/ 368098 w 6858000"/>
              <a:gd name="connsiteY5237" fmla="*/ 1089032 h 6858000"/>
              <a:gd name="connsiteX5238" fmla="*/ 478416 w 6858000"/>
              <a:gd name="connsiteY5238" fmla="*/ 1089032 h 6858000"/>
              <a:gd name="connsiteX5239" fmla="*/ 478416 w 6858000"/>
              <a:gd name="connsiteY5239" fmla="*/ 978711 h 6858000"/>
              <a:gd name="connsiteX5240" fmla="*/ 244818 w 6858000"/>
              <a:gd name="connsiteY5240" fmla="*/ 978489 h 6858000"/>
              <a:gd name="connsiteX5241" fmla="*/ 244818 w 6858000"/>
              <a:gd name="connsiteY5241" fmla="*/ 1089255 h 6858000"/>
              <a:gd name="connsiteX5242" fmla="*/ 355581 w 6858000"/>
              <a:gd name="connsiteY5242" fmla="*/ 1089255 h 6858000"/>
              <a:gd name="connsiteX5243" fmla="*/ 355581 w 6858000"/>
              <a:gd name="connsiteY5243" fmla="*/ 978489 h 6858000"/>
              <a:gd name="connsiteX5244" fmla="*/ 121761 w 6858000"/>
              <a:gd name="connsiteY5244" fmla="*/ 978489 h 6858000"/>
              <a:gd name="connsiteX5245" fmla="*/ 121761 w 6858000"/>
              <a:gd name="connsiteY5245" fmla="*/ 1089255 h 6858000"/>
              <a:gd name="connsiteX5246" fmla="*/ 232524 w 6858000"/>
              <a:gd name="connsiteY5246" fmla="*/ 1089255 h 6858000"/>
              <a:gd name="connsiteX5247" fmla="*/ 232524 w 6858000"/>
              <a:gd name="connsiteY5247" fmla="*/ 978489 h 6858000"/>
              <a:gd name="connsiteX5248" fmla="*/ 4976248 w 6858000"/>
              <a:gd name="connsiteY5248" fmla="*/ 910567 h 6858000"/>
              <a:gd name="connsiteX5249" fmla="*/ 4976248 w 6858000"/>
              <a:gd name="connsiteY5249" fmla="*/ 911010 h 6858000"/>
              <a:gd name="connsiteX5250" fmla="*/ 4976692 w 6858000"/>
              <a:gd name="connsiteY5250" fmla="*/ 911010 h 6858000"/>
              <a:gd name="connsiteX5251" fmla="*/ 4976692 w 6858000"/>
              <a:gd name="connsiteY5251" fmla="*/ 910567 h 6858000"/>
              <a:gd name="connsiteX5252" fmla="*/ 4853191 w 6858000"/>
              <a:gd name="connsiteY5252" fmla="*/ 910567 h 6858000"/>
              <a:gd name="connsiteX5253" fmla="*/ 4853191 w 6858000"/>
              <a:gd name="connsiteY5253" fmla="*/ 911010 h 6858000"/>
              <a:gd name="connsiteX5254" fmla="*/ 4853636 w 6858000"/>
              <a:gd name="connsiteY5254" fmla="*/ 911010 h 6858000"/>
              <a:gd name="connsiteX5255" fmla="*/ 4853636 w 6858000"/>
              <a:gd name="connsiteY5255" fmla="*/ 910567 h 6858000"/>
              <a:gd name="connsiteX5256" fmla="*/ 4730133 w 6858000"/>
              <a:gd name="connsiteY5256" fmla="*/ 910567 h 6858000"/>
              <a:gd name="connsiteX5257" fmla="*/ 4730133 w 6858000"/>
              <a:gd name="connsiteY5257" fmla="*/ 911011 h 6858000"/>
              <a:gd name="connsiteX5258" fmla="*/ 4730578 w 6858000"/>
              <a:gd name="connsiteY5258" fmla="*/ 911011 h 6858000"/>
              <a:gd name="connsiteX5259" fmla="*/ 4730578 w 6858000"/>
              <a:gd name="connsiteY5259" fmla="*/ 910567 h 6858000"/>
              <a:gd name="connsiteX5260" fmla="*/ 4607076 w 6858000"/>
              <a:gd name="connsiteY5260" fmla="*/ 910567 h 6858000"/>
              <a:gd name="connsiteX5261" fmla="*/ 4607076 w 6858000"/>
              <a:gd name="connsiteY5261" fmla="*/ 911011 h 6858000"/>
              <a:gd name="connsiteX5262" fmla="*/ 4607520 w 6858000"/>
              <a:gd name="connsiteY5262" fmla="*/ 911011 h 6858000"/>
              <a:gd name="connsiteX5263" fmla="*/ 4607520 w 6858000"/>
              <a:gd name="connsiteY5263" fmla="*/ 910567 h 6858000"/>
              <a:gd name="connsiteX5264" fmla="*/ 4237904 w 6858000"/>
              <a:gd name="connsiteY5264" fmla="*/ 910567 h 6858000"/>
              <a:gd name="connsiteX5265" fmla="*/ 4237904 w 6858000"/>
              <a:gd name="connsiteY5265" fmla="*/ 911011 h 6858000"/>
              <a:gd name="connsiteX5266" fmla="*/ 4238348 w 6858000"/>
              <a:gd name="connsiteY5266" fmla="*/ 911011 h 6858000"/>
              <a:gd name="connsiteX5267" fmla="*/ 4238348 w 6858000"/>
              <a:gd name="connsiteY5267" fmla="*/ 910567 h 6858000"/>
              <a:gd name="connsiteX5268" fmla="*/ 4114847 w 6858000"/>
              <a:gd name="connsiteY5268" fmla="*/ 910567 h 6858000"/>
              <a:gd name="connsiteX5269" fmla="*/ 4114847 w 6858000"/>
              <a:gd name="connsiteY5269" fmla="*/ 911011 h 6858000"/>
              <a:gd name="connsiteX5270" fmla="*/ 4115291 w 6858000"/>
              <a:gd name="connsiteY5270" fmla="*/ 911011 h 6858000"/>
              <a:gd name="connsiteX5271" fmla="*/ 4115291 w 6858000"/>
              <a:gd name="connsiteY5271" fmla="*/ 910567 h 6858000"/>
              <a:gd name="connsiteX5272" fmla="*/ 3991789 w 6858000"/>
              <a:gd name="connsiteY5272" fmla="*/ 910567 h 6858000"/>
              <a:gd name="connsiteX5273" fmla="*/ 3991789 w 6858000"/>
              <a:gd name="connsiteY5273" fmla="*/ 911011 h 6858000"/>
              <a:gd name="connsiteX5274" fmla="*/ 3992234 w 6858000"/>
              <a:gd name="connsiteY5274" fmla="*/ 911011 h 6858000"/>
              <a:gd name="connsiteX5275" fmla="*/ 3992234 w 6858000"/>
              <a:gd name="connsiteY5275" fmla="*/ 910567 h 6858000"/>
              <a:gd name="connsiteX5276" fmla="*/ 3868732 w 6858000"/>
              <a:gd name="connsiteY5276" fmla="*/ 910567 h 6858000"/>
              <a:gd name="connsiteX5277" fmla="*/ 3868732 w 6858000"/>
              <a:gd name="connsiteY5277" fmla="*/ 911011 h 6858000"/>
              <a:gd name="connsiteX5278" fmla="*/ 3869176 w 6858000"/>
              <a:gd name="connsiteY5278" fmla="*/ 911011 h 6858000"/>
              <a:gd name="connsiteX5279" fmla="*/ 3869176 w 6858000"/>
              <a:gd name="connsiteY5279" fmla="*/ 910567 h 6858000"/>
              <a:gd name="connsiteX5280" fmla="*/ 3745675 w 6858000"/>
              <a:gd name="connsiteY5280" fmla="*/ 910567 h 6858000"/>
              <a:gd name="connsiteX5281" fmla="*/ 3745675 w 6858000"/>
              <a:gd name="connsiteY5281" fmla="*/ 911011 h 6858000"/>
              <a:gd name="connsiteX5282" fmla="*/ 3746119 w 6858000"/>
              <a:gd name="connsiteY5282" fmla="*/ 911011 h 6858000"/>
              <a:gd name="connsiteX5283" fmla="*/ 3746119 w 6858000"/>
              <a:gd name="connsiteY5283" fmla="*/ 910567 h 6858000"/>
              <a:gd name="connsiteX5284" fmla="*/ 5714629 w 6858000"/>
              <a:gd name="connsiteY5284" fmla="*/ 910566 h 6858000"/>
              <a:gd name="connsiteX5285" fmla="*/ 5714629 w 6858000"/>
              <a:gd name="connsiteY5285" fmla="*/ 911010 h 6858000"/>
              <a:gd name="connsiteX5286" fmla="*/ 5715073 w 6858000"/>
              <a:gd name="connsiteY5286" fmla="*/ 911010 h 6858000"/>
              <a:gd name="connsiteX5287" fmla="*/ 5715073 w 6858000"/>
              <a:gd name="connsiteY5287" fmla="*/ 910566 h 6858000"/>
              <a:gd name="connsiteX5288" fmla="*/ 5591572 w 6858000"/>
              <a:gd name="connsiteY5288" fmla="*/ 910566 h 6858000"/>
              <a:gd name="connsiteX5289" fmla="*/ 5591572 w 6858000"/>
              <a:gd name="connsiteY5289" fmla="*/ 911010 h 6858000"/>
              <a:gd name="connsiteX5290" fmla="*/ 5592017 w 6858000"/>
              <a:gd name="connsiteY5290" fmla="*/ 911010 h 6858000"/>
              <a:gd name="connsiteX5291" fmla="*/ 5592017 w 6858000"/>
              <a:gd name="connsiteY5291" fmla="*/ 910566 h 6858000"/>
              <a:gd name="connsiteX5292" fmla="*/ 5468514 w 6858000"/>
              <a:gd name="connsiteY5292" fmla="*/ 910566 h 6858000"/>
              <a:gd name="connsiteX5293" fmla="*/ 5468514 w 6858000"/>
              <a:gd name="connsiteY5293" fmla="*/ 911010 h 6858000"/>
              <a:gd name="connsiteX5294" fmla="*/ 5468958 w 6858000"/>
              <a:gd name="connsiteY5294" fmla="*/ 911010 h 6858000"/>
              <a:gd name="connsiteX5295" fmla="*/ 5468958 w 6858000"/>
              <a:gd name="connsiteY5295" fmla="*/ 910566 h 6858000"/>
              <a:gd name="connsiteX5296" fmla="*/ 5345457 w 6858000"/>
              <a:gd name="connsiteY5296" fmla="*/ 910566 h 6858000"/>
              <a:gd name="connsiteX5297" fmla="*/ 5345457 w 6858000"/>
              <a:gd name="connsiteY5297" fmla="*/ 911010 h 6858000"/>
              <a:gd name="connsiteX5298" fmla="*/ 5345901 w 6858000"/>
              <a:gd name="connsiteY5298" fmla="*/ 911010 h 6858000"/>
              <a:gd name="connsiteX5299" fmla="*/ 5345901 w 6858000"/>
              <a:gd name="connsiteY5299" fmla="*/ 910566 h 6858000"/>
              <a:gd name="connsiteX5300" fmla="*/ 5222400 w 6858000"/>
              <a:gd name="connsiteY5300" fmla="*/ 910566 h 6858000"/>
              <a:gd name="connsiteX5301" fmla="*/ 5222400 w 6858000"/>
              <a:gd name="connsiteY5301" fmla="*/ 911010 h 6858000"/>
              <a:gd name="connsiteX5302" fmla="*/ 5222844 w 6858000"/>
              <a:gd name="connsiteY5302" fmla="*/ 911010 h 6858000"/>
              <a:gd name="connsiteX5303" fmla="*/ 5222844 w 6858000"/>
              <a:gd name="connsiteY5303" fmla="*/ 910566 h 6858000"/>
              <a:gd name="connsiteX5304" fmla="*/ 5099305 w 6858000"/>
              <a:gd name="connsiteY5304" fmla="*/ 910566 h 6858000"/>
              <a:gd name="connsiteX5305" fmla="*/ 5099305 w 6858000"/>
              <a:gd name="connsiteY5305" fmla="*/ 911010 h 6858000"/>
              <a:gd name="connsiteX5306" fmla="*/ 5099749 w 6858000"/>
              <a:gd name="connsiteY5306" fmla="*/ 911010 h 6858000"/>
              <a:gd name="connsiteX5307" fmla="*/ 5099749 w 6858000"/>
              <a:gd name="connsiteY5307" fmla="*/ 910566 h 6858000"/>
              <a:gd name="connsiteX5308" fmla="*/ 3622395 w 6858000"/>
              <a:gd name="connsiteY5308" fmla="*/ 910382 h 6858000"/>
              <a:gd name="connsiteX5309" fmla="*/ 3622395 w 6858000"/>
              <a:gd name="connsiteY5309" fmla="*/ 911233 h 6858000"/>
              <a:gd name="connsiteX5310" fmla="*/ 3623247 w 6858000"/>
              <a:gd name="connsiteY5310" fmla="*/ 911233 h 6858000"/>
              <a:gd name="connsiteX5311" fmla="*/ 3623247 w 6858000"/>
              <a:gd name="connsiteY5311" fmla="*/ 910382 h 6858000"/>
              <a:gd name="connsiteX5312" fmla="*/ 3499116 w 6858000"/>
              <a:gd name="connsiteY5312" fmla="*/ 910159 h 6858000"/>
              <a:gd name="connsiteX5313" fmla="*/ 3499116 w 6858000"/>
              <a:gd name="connsiteY5313" fmla="*/ 911455 h 6858000"/>
              <a:gd name="connsiteX5314" fmla="*/ 3500412 w 6858000"/>
              <a:gd name="connsiteY5314" fmla="*/ 911455 h 6858000"/>
              <a:gd name="connsiteX5315" fmla="*/ 3500412 w 6858000"/>
              <a:gd name="connsiteY5315" fmla="*/ 910159 h 6858000"/>
              <a:gd name="connsiteX5316" fmla="*/ 3375836 w 6858000"/>
              <a:gd name="connsiteY5316" fmla="*/ 909938 h 6858000"/>
              <a:gd name="connsiteX5317" fmla="*/ 3375836 w 6858000"/>
              <a:gd name="connsiteY5317" fmla="*/ 911677 h 6858000"/>
              <a:gd name="connsiteX5318" fmla="*/ 3377576 w 6858000"/>
              <a:gd name="connsiteY5318" fmla="*/ 911677 h 6858000"/>
              <a:gd name="connsiteX5319" fmla="*/ 3377576 w 6858000"/>
              <a:gd name="connsiteY5319" fmla="*/ 909938 h 6858000"/>
              <a:gd name="connsiteX5320" fmla="*/ 3252335 w 6858000"/>
              <a:gd name="connsiteY5320" fmla="*/ 909493 h 6858000"/>
              <a:gd name="connsiteX5321" fmla="*/ 3252335 w 6858000"/>
              <a:gd name="connsiteY5321" fmla="*/ 912085 h 6858000"/>
              <a:gd name="connsiteX5322" fmla="*/ 3254927 w 6858000"/>
              <a:gd name="connsiteY5322" fmla="*/ 912085 h 6858000"/>
              <a:gd name="connsiteX5323" fmla="*/ 3254927 w 6858000"/>
              <a:gd name="connsiteY5323" fmla="*/ 909493 h 6858000"/>
              <a:gd name="connsiteX5324" fmla="*/ 3128611 w 6858000"/>
              <a:gd name="connsiteY5324" fmla="*/ 908825 h 6858000"/>
              <a:gd name="connsiteX5325" fmla="*/ 3128611 w 6858000"/>
              <a:gd name="connsiteY5325" fmla="*/ 912751 h 6858000"/>
              <a:gd name="connsiteX5326" fmla="*/ 3132536 w 6858000"/>
              <a:gd name="connsiteY5326" fmla="*/ 912751 h 6858000"/>
              <a:gd name="connsiteX5327" fmla="*/ 3132536 w 6858000"/>
              <a:gd name="connsiteY5327" fmla="*/ 908825 h 6858000"/>
              <a:gd name="connsiteX5328" fmla="*/ 3004924 w 6858000"/>
              <a:gd name="connsiteY5328" fmla="*/ 908196 h 6858000"/>
              <a:gd name="connsiteX5329" fmla="*/ 3004924 w 6858000"/>
              <a:gd name="connsiteY5329" fmla="*/ 913419 h 6858000"/>
              <a:gd name="connsiteX5330" fmla="*/ 3010145 w 6858000"/>
              <a:gd name="connsiteY5330" fmla="*/ 913419 h 6858000"/>
              <a:gd name="connsiteX5331" fmla="*/ 3010145 w 6858000"/>
              <a:gd name="connsiteY5331" fmla="*/ 908196 h 6858000"/>
              <a:gd name="connsiteX5332" fmla="*/ 2880756 w 6858000"/>
              <a:gd name="connsiteY5332" fmla="*/ 907123 h 6858000"/>
              <a:gd name="connsiteX5333" fmla="*/ 2880756 w 6858000"/>
              <a:gd name="connsiteY5333" fmla="*/ 914492 h 6858000"/>
              <a:gd name="connsiteX5334" fmla="*/ 2888125 w 6858000"/>
              <a:gd name="connsiteY5334" fmla="*/ 914492 h 6858000"/>
              <a:gd name="connsiteX5335" fmla="*/ 2888125 w 6858000"/>
              <a:gd name="connsiteY5335" fmla="*/ 907123 h 6858000"/>
              <a:gd name="connsiteX5336" fmla="*/ 2756402 w 6858000"/>
              <a:gd name="connsiteY5336" fmla="*/ 905791 h 6858000"/>
              <a:gd name="connsiteX5337" fmla="*/ 2756402 w 6858000"/>
              <a:gd name="connsiteY5337" fmla="*/ 915788 h 6858000"/>
              <a:gd name="connsiteX5338" fmla="*/ 2766401 w 6858000"/>
              <a:gd name="connsiteY5338" fmla="*/ 915788 h 6858000"/>
              <a:gd name="connsiteX5339" fmla="*/ 2766401 w 6858000"/>
              <a:gd name="connsiteY5339" fmla="*/ 905791 h 6858000"/>
              <a:gd name="connsiteX5340" fmla="*/ 2631604 w 6858000"/>
              <a:gd name="connsiteY5340" fmla="*/ 904048 h 6858000"/>
              <a:gd name="connsiteX5341" fmla="*/ 2631604 w 6858000"/>
              <a:gd name="connsiteY5341" fmla="*/ 917528 h 6858000"/>
              <a:gd name="connsiteX5342" fmla="*/ 2645084 w 6858000"/>
              <a:gd name="connsiteY5342" fmla="*/ 917528 h 6858000"/>
              <a:gd name="connsiteX5343" fmla="*/ 2645084 w 6858000"/>
              <a:gd name="connsiteY5343" fmla="*/ 904048 h 6858000"/>
              <a:gd name="connsiteX5344" fmla="*/ 2506362 w 6858000"/>
              <a:gd name="connsiteY5344" fmla="*/ 901901 h 6858000"/>
              <a:gd name="connsiteX5345" fmla="*/ 2506362 w 6858000"/>
              <a:gd name="connsiteY5345" fmla="*/ 919714 h 6858000"/>
              <a:gd name="connsiteX5346" fmla="*/ 2524174 w 6858000"/>
              <a:gd name="connsiteY5346" fmla="*/ 919714 h 6858000"/>
              <a:gd name="connsiteX5347" fmla="*/ 2524174 w 6858000"/>
              <a:gd name="connsiteY5347" fmla="*/ 901901 h 6858000"/>
              <a:gd name="connsiteX5348" fmla="*/ 2380935 w 6858000"/>
              <a:gd name="connsiteY5348" fmla="*/ 899495 h 6858000"/>
              <a:gd name="connsiteX5349" fmla="*/ 2380935 w 6858000"/>
              <a:gd name="connsiteY5349" fmla="*/ 922084 h 6858000"/>
              <a:gd name="connsiteX5350" fmla="*/ 2403524 w 6858000"/>
              <a:gd name="connsiteY5350" fmla="*/ 922084 h 6858000"/>
              <a:gd name="connsiteX5351" fmla="*/ 2403524 w 6858000"/>
              <a:gd name="connsiteY5351" fmla="*/ 899495 h 6858000"/>
              <a:gd name="connsiteX5352" fmla="*/ 2255026 w 6858000"/>
              <a:gd name="connsiteY5352" fmla="*/ 896680 h 6858000"/>
              <a:gd name="connsiteX5353" fmla="*/ 2255026 w 6858000"/>
              <a:gd name="connsiteY5353" fmla="*/ 924898 h 6858000"/>
              <a:gd name="connsiteX5354" fmla="*/ 2283244 w 6858000"/>
              <a:gd name="connsiteY5354" fmla="*/ 924898 h 6858000"/>
              <a:gd name="connsiteX5355" fmla="*/ 2283244 w 6858000"/>
              <a:gd name="connsiteY5355" fmla="*/ 896680 h 6858000"/>
              <a:gd name="connsiteX5356" fmla="*/ 2128710 w 6858000"/>
              <a:gd name="connsiteY5356" fmla="*/ 893421 h 6858000"/>
              <a:gd name="connsiteX5357" fmla="*/ 2128710 w 6858000"/>
              <a:gd name="connsiteY5357" fmla="*/ 928158 h 6858000"/>
              <a:gd name="connsiteX5358" fmla="*/ 2163446 w 6858000"/>
              <a:gd name="connsiteY5358" fmla="*/ 928158 h 6858000"/>
              <a:gd name="connsiteX5359" fmla="*/ 2163446 w 6858000"/>
              <a:gd name="connsiteY5359" fmla="*/ 893421 h 6858000"/>
              <a:gd name="connsiteX5360" fmla="*/ 2002394 w 6858000"/>
              <a:gd name="connsiteY5360" fmla="*/ 890162 h 6858000"/>
              <a:gd name="connsiteX5361" fmla="*/ 2002394 w 6858000"/>
              <a:gd name="connsiteY5361" fmla="*/ 931415 h 6858000"/>
              <a:gd name="connsiteX5362" fmla="*/ 2043648 w 6858000"/>
              <a:gd name="connsiteY5362" fmla="*/ 931415 h 6858000"/>
              <a:gd name="connsiteX5363" fmla="*/ 2043648 w 6858000"/>
              <a:gd name="connsiteY5363" fmla="*/ 890162 h 6858000"/>
              <a:gd name="connsiteX5364" fmla="*/ 1875855 w 6858000"/>
              <a:gd name="connsiteY5364" fmla="*/ 886681 h 6858000"/>
              <a:gd name="connsiteX5365" fmla="*/ 1875855 w 6858000"/>
              <a:gd name="connsiteY5365" fmla="*/ 934897 h 6858000"/>
              <a:gd name="connsiteX5366" fmla="*/ 1924071 w 6858000"/>
              <a:gd name="connsiteY5366" fmla="*/ 934897 h 6858000"/>
              <a:gd name="connsiteX5367" fmla="*/ 1924071 w 6858000"/>
              <a:gd name="connsiteY5367" fmla="*/ 886681 h 6858000"/>
              <a:gd name="connsiteX5368" fmla="*/ 1749132 w 6858000"/>
              <a:gd name="connsiteY5368" fmla="*/ 883015 h 6858000"/>
              <a:gd name="connsiteX5369" fmla="*/ 1749132 w 6858000"/>
              <a:gd name="connsiteY5369" fmla="*/ 938601 h 6858000"/>
              <a:gd name="connsiteX5370" fmla="*/ 1804717 w 6858000"/>
              <a:gd name="connsiteY5370" fmla="*/ 938601 h 6858000"/>
              <a:gd name="connsiteX5371" fmla="*/ 1804717 w 6858000"/>
              <a:gd name="connsiteY5371" fmla="*/ 883015 h 6858000"/>
              <a:gd name="connsiteX5372" fmla="*/ 1622593 w 6858000"/>
              <a:gd name="connsiteY5372" fmla="*/ 879534 h 6858000"/>
              <a:gd name="connsiteX5373" fmla="*/ 1622593 w 6858000"/>
              <a:gd name="connsiteY5373" fmla="*/ 942082 h 6858000"/>
              <a:gd name="connsiteX5374" fmla="*/ 1685140 w 6858000"/>
              <a:gd name="connsiteY5374" fmla="*/ 942082 h 6858000"/>
              <a:gd name="connsiteX5375" fmla="*/ 1685140 w 6858000"/>
              <a:gd name="connsiteY5375" fmla="*/ 879534 h 6858000"/>
              <a:gd name="connsiteX5376" fmla="*/ 1495833 w 6858000"/>
              <a:gd name="connsiteY5376" fmla="*/ 875832 h 6858000"/>
              <a:gd name="connsiteX5377" fmla="*/ 1495833 w 6858000"/>
              <a:gd name="connsiteY5377" fmla="*/ 945749 h 6858000"/>
              <a:gd name="connsiteX5378" fmla="*/ 1565749 w 6858000"/>
              <a:gd name="connsiteY5378" fmla="*/ 945749 h 6858000"/>
              <a:gd name="connsiteX5379" fmla="*/ 1565749 w 6858000"/>
              <a:gd name="connsiteY5379" fmla="*/ 875832 h 6858000"/>
              <a:gd name="connsiteX5380" fmla="*/ 1369295 w 6858000"/>
              <a:gd name="connsiteY5380" fmla="*/ 872350 h 6858000"/>
              <a:gd name="connsiteX5381" fmla="*/ 1369295 w 6858000"/>
              <a:gd name="connsiteY5381" fmla="*/ 949229 h 6858000"/>
              <a:gd name="connsiteX5382" fmla="*/ 1446174 w 6858000"/>
              <a:gd name="connsiteY5382" fmla="*/ 949229 h 6858000"/>
              <a:gd name="connsiteX5383" fmla="*/ 1446174 w 6858000"/>
              <a:gd name="connsiteY5383" fmla="*/ 872350 h 6858000"/>
              <a:gd name="connsiteX5384" fmla="*/ 1242978 w 6858000"/>
              <a:gd name="connsiteY5384" fmla="*/ 869093 h 6858000"/>
              <a:gd name="connsiteX5385" fmla="*/ 1242978 w 6858000"/>
              <a:gd name="connsiteY5385" fmla="*/ 952488 h 6858000"/>
              <a:gd name="connsiteX5386" fmla="*/ 1326374 w 6858000"/>
              <a:gd name="connsiteY5386" fmla="*/ 952488 h 6858000"/>
              <a:gd name="connsiteX5387" fmla="*/ 1326374 w 6858000"/>
              <a:gd name="connsiteY5387" fmla="*/ 869093 h 6858000"/>
              <a:gd name="connsiteX5388" fmla="*/ 1116885 w 6858000"/>
              <a:gd name="connsiteY5388" fmla="*/ 866055 h 6858000"/>
              <a:gd name="connsiteX5389" fmla="*/ 1116885 w 6858000"/>
              <a:gd name="connsiteY5389" fmla="*/ 955525 h 6858000"/>
              <a:gd name="connsiteX5390" fmla="*/ 1206354 w 6858000"/>
              <a:gd name="connsiteY5390" fmla="*/ 955525 h 6858000"/>
              <a:gd name="connsiteX5391" fmla="*/ 1206354 w 6858000"/>
              <a:gd name="connsiteY5391" fmla="*/ 866055 h 6858000"/>
              <a:gd name="connsiteX5392" fmla="*/ 991013 w 6858000"/>
              <a:gd name="connsiteY5392" fmla="*/ 863205 h 6858000"/>
              <a:gd name="connsiteX5393" fmla="*/ 991013 w 6858000"/>
              <a:gd name="connsiteY5393" fmla="*/ 958340 h 6858000"/>
              <a:gd name="connsiteX5394" fmla="*/ 1086148 w 6858000"/>
              <a:gd name="connsiteY5394" fmla="*/ 958340 h 6858000"/>
              <a:gd name="connsiteX5395" fmla="*/ 1086148 w 6858000"/>
              <a:gd name="connsiteY5395" fmla="*/ 863205 h 6858000"/>
              <a:gd name="connsiteX5396" fmla="*/ 865548 w 6858000"/>
              <a:gd name="connsiteY5396" fmla="*/ 860835 h 6858000"/>
              <a:gd name="connsiteX5397" fmla="*/ 865548 w 6858000"/>
              <a:gd name="connsiteY5397" fmla="*/ 960746 h 6858000"/>
              <a:gd name="connsiteX5398" fmla="*/ 965460 w 6858000"/>
              <a:gd name="connsiteY5398" fmla="*/ 960746 h 6858000"/>
              <a:gd name="connsiteX5399" fmla="*/ 965460 w 6858000"/>
              <a:gd name="connsiteY5399" fmla="*/ 860835 h 6858000"/>
              <a:gd name="connsiteX5400" fmla="*/ 740528 w 6858000"/>
              <a:gd name="connsiteY5400" fmla="*/ 858907 h 6858000"/>
              <a:gd name="connsiteX5401" fmla="*/ 740528 w 6858000"/>
              <a:gd name="connsiteY5401" fmla="*/ 962709 h 6858000"/>
              <a:gd name="connsiteX5402" fmla="*/ 844329 w 6858000"/>
              <a:gd name="connsiteY5402" fmla="*/ 962709 h 6858000"/>
              <a:gd name="connsiteX5403" fmla="*/ 844329 w 6858000"/>
              <a:gd name="connsiteY5403" fmla="*/ 858907 h 6858000"/>
              <a:gd name="connsiteX5404" fmla="*/ 615953 w 6858000"/>
              <a:gd name="connsiteY5404" fmla="*/ 857391 h 6858000"/>
              <a:gd name="connsiteX5405" fmla="*/ 615953 w 6858000"/>
              <a:gd name="connsiteY5405" fmla="*/ 964228 h 6858000"/>
              <a:gd name="connsiteX5406" fmla="*/ 722790 w 6858000"/>
              <a:gd name="connsiteY5406" fmla="*/ 964228 h 6858000"/>
              <a:gd name="connsiteX5407" fmla="*/ 722790 w 6858000"/>
              <a:gd name="connsiteY5407" fmla="*/ 857391 h 6858000"/>
              <a:gd name="connsiteX5408" fmla="*/ 492007 w 6858000"/>
              <a:gd name="connsiteY5408" fmla="*/ 856501 h 6858000"/>
              <a:gd name="connsiteX5409" fmla="*/ 492007 w 6858000"/>
              <a:gd name="connsiteY5409" fmla="*/ 965080 h 6858000"/>
              <a:gd name="connsiteX5410" fmla="*/ 600585 w 6858000"/>
              <a:gd name="connsiteY5410" fmla="*/ 965080 h 6858000"/>
              <a:gd name="connsiteX5411" fmla="*/ 600585 w 6858000"/>
              <a:gd name="connsiteY5411" fmla="*/ 856501 h 6858000"/>
              <a:gd name="connsiteX5412" fmla="*/ 368320 w 6858000"/>
              <a:gd name="connsiteY5412" fmla="*/ 855872 h 6858000"/>
              <a:gd name="connsiteX5413" fmla="*/ 368320 w 6858000"/>
              <a:gd name="connsiteY5413" fmla="*/ 965746 h 6858000"/>
              <a:gd name="connsiteX5414" fmla="*/ 478194 w 6858000"/>
              <a:gd name="connsiteY5414" fmla="*/ 965746 h 6858000"/>
              <a:gd name="connsiteX5415" fmla="*/ 478194 w 6858000"/>
              <a:gd name="connsiteY5415" fmla="*/ 855872 h 6858000"/>
              <a:gd name="connsiteX5416" fmla="*/ 244818 w 6858000"/>
              <a:gd name="connsiteY5416" fmla="*/ 855427 h 6858000"/>
              <a:gd name="connsiteX5417" fmla="*/ 244818 w 6858000"/>
              <a:gd name="connsiteY5417" fmla="*/ 966190 h 6858000"/>
              <a:gd name="connsiteX5418" fmla="*/ 355581 w 6858000"/>
              <a:gd name="connsiteY5418" fmla="*/ 966190 h 6858000"/>
              <a:gd name="connsiteX5419" fmla="*/ 355581 w 6858000"/>
              <a:gd name="connsiteY5419" fmla="*/ 855427 h 6858000"/>
              <a:gd name="connsiteX5420" fmla="*/ 121761 w 6858000"/>
              <a:gd name="connsiteY5420" fmla="*/ 855427 h 6858000"/>
              <a:gd name="connsiteX5421" fmla="*/ 121761 w 6858000"/>
              <a:gd name="connsiteY5421" fmla="*/ 966190 h 6858000"/>
              <a:gd name="connsiteX5422" fmla="*/ 232524 w 6858000"/>
              <a:gd name="connsiteY5422" fmla="*/ 966190 h 6858000"/>
              <a:gd name="connsiteX5423" fmla="*/ 232524 w 6858000"/>
              <a:gd name="connsiteY5423" fmla="*/ 855427 h 6858000"/>
              <a:gd name="connsiteX5424" fmla="*/ 3868732 w 6858000"/>
              <a:gd name="connsiteY5424" fmla="*/ 787506 h 6858000"/>
              <a:gd name="connsiteX5425" fmla="*/ 3868732 w 6858000"/>
              <a:gd name="connsiteY5425" fmla="*/ 787949 h 6858000"/>
              <a:gd name="connsiteX5426" fmla="*/ 3869176 w 6858000"/>
              <a:gd name="connsiteY5426" fmla="*/ 787949 h 6858000"/>
              <a:gd name="connsiteX5427" fmla="*/ 3869176 w 6858000"/>
              <a:gd name="connsiteY5427" fmla="*/ 787506 h 6858000"/>
              <a:gd name="connsiteX5428" fmla="*/ 3745675 w 6858000"/>
              <a:gd name="connsiteY5428" fmla="*/ 787506 h 6858000"/>
              <a:gd name="connsiteX5429" fmla="*/ 3745675 w 6858000"/>
              <a:gd name="connsiteY5429" fmla="*/ 787949 h 6858000"/>
              <a:gd name="connsiteX5430" fmla="*/ 3746119 w 6858000"/>
              <a:gd name="connsiteY5430" fmla="*/ 787949 h 6858000"/>
              <a:gd name="connsiteX5431" fmla="*/ 3746119 w 6858000"/>
              <a:gd name="connsiteY5431" fmla="*/ 787506 h 6858000"/>
              <a:gd name="connsiteX5432" fmla="*/ 5714629 w 6858000"/>
              <a:gd name="connsiteY5432" fmla="*/ 787505 h 6858000"/>
              <a:gd name="connsiteX5433" fmla="*/ 5714629 w 6858000"/>
              <a:gd name="connsiteY5433" fmla="*/ 787948 h 6858000"/>
              <a:gd name="connsiteX5434" fmla="*/ 5715073 w 6858000"/>
              <a:gd name="connsiteY5434" fmla="*/ 787948 h 6858000"/>
              <a:gd name="connsiteX5435" fmla="*/ 5715073 w 6858000"/>
              <a:gd name="connsiteY5435" fmla="*/ 787505 h 6858000"/>
              <a:gd name="connsiteX5436" fmla="*/ 5591572 w 6858000"/>
              <a:gd name="connsiteY5436" fmla="*/ 787505 h 6858000"/>
              <a:gd name="connsiteX5437" fmla="*/ 5591572 w 6858000"/>
              <a:gd name="connsiteY5437" fmla="*/ 787948 h 6858000"/>
              <a:gd name="connsiteX5438" fmla="*/ 5592017 w 6858000"/>
              <a:gd name="connsiteY5438" fmla="*/ 787948 h 6858000"/>
              <a:gd name="connsiteX5439" fmla="*/ 5592017 w 6858000"/>
              <a:gd name="connsiteY5439" fmla="*/ 787505 h 6858000"/>
              <a:gd name="connsiteX5440" fmla="*/ 5468514 w 6858000"/>
              <a:gd name="connsiteY5440" fmla="*/ 787505 h 6858000"/>
              <a:gd name="connsiteX5441" fmla="*/ 5468514 w 6858000"/>
              <a:gd name="connsiteY5441" fmla="*/ 787948 h 6858000"/>
              <a:gd name="connsiteX5442" fmla="*/ 5468958 w 6858000"/>
              <a:gd name="connsiteY5442" fmla="*/ 787948 h 6858000"/>
              <a:gd name="connsiteX5443" fmla="*/ 5468958 w 6858000"/>
              <a:gd name="connsiteY5443" fmla="*/ 787505 h 6858000"/>
              <a:gd name="connsiteX5444" fmla="*/ 5345457 w 6858000"/>
              <a:gd name="connsiteY5444" fmla="*/ 787505 h 6858000"/>
              <a:gd name="connsiteX5445" fmla="*/ 5345457 w 6858000"/>
              <a:gd name="connsiteY5445" fmla="*/ 787949 h 6858000"/>
              <a:gd name="connsiteX5446" fmla="*/ 5345901 w 6858000"/>
              <a:gd name="connsiteY5446" fmla="*/ 787949 h 6858000"/>
              <a:gd name="connsiteX5447" fmla="*/ 5345901 w 6858000"/>
              <a:gd name="connsiteY5447" fmla="*/ 787505 h 6858000"/>
              <a:gd name="connsiteX5448" fmla="*/ 5222400 w 6858000"/>
              <a:gd name="connsiteY5448" fmla="*/ 787505 h 6858000"/>
              <a:gd name="connsiteX5449" fmla="*/ 5222400 w 6858000"/>
              <a:gd name="connsiteY5449" fmla="*/ 787949 h 6858000"/>
              <a:gd name="connsiteX5450" fmla="*/ 5222844 w 6858000"/>
              <a:gd name="connsiteY5450" fmla="*/ 787949 h 6858000"/>
              <a:gd name="connsiteX5451" fmla="*/ 5222844 w 6858000"/>
              <a:gd name="connsiteY5451" fmla="*/ 787505 h 6858000"/>
              <a:gd name="connsiteX5452" fmla="*/ 5099305 w 6858000"/>
              <a:gd name="connsiteY5452" fmla="*/ 787505 h 6858000"/>
              <a:gd name="connsiteX5453" fmla="*/ 5099305 w 6858000"/>
              <a:gd name="connsiteY5453" fmla="*/ 787949 h 6858000"/>
              <a:gd name="connsiteX5454" fmla="*/ 5099749 w 6858000"/>
              <a:gd name="connsiteY5454" fmla="*/ 787949 h 6858000"/>
              <a:gd name="connsiteX5455" fmla="*/ 5099749 w 6858000"/>
              <a:gd name="connsiteY5455" fmla="*/ 787505 h 6858000"/>
              <a:gd name="connsiteX5456" fmla="*/ 4976248 w 6858000"/>
              <a:gd name="connsiteY5456" fmla="*/ 787505 h 6858000"/>
              <a:gd name="connsiteX5457" fmla="*/ 4976248 w 6858000"/>
              <a:gd name="connsiteY5457" fmla="*/ 787949 h 6858000"/>
              <a:gd name="connsiteX5458" fmla="*/ 4976692 w 6858000"/>
              <a:gd name="connsiteY5458" fmla="*/ 787949 h 6858000"/>
              <a:gd name="connsiteX5459" fmla="*/ 4976692 w 6858000"/>
              <a:gd name="connsiteY5459" fmla="*/ 787505 h 6858000"/>
              <a:gd name="connsiteX5460" fmla="*/ 4853191 w 6858000"/>
              <a:gd name="connsiteY5460" fmla="*/ 787505 h 6858000"/>
              <a:gd name="connsiteX5461" fmla="*/ 4853191 w 6858000"/>
              <a:gd name="connsiteY5461" fmla="*/ 787949 h 6858000"/>
              <a:gd name="connsiteX5462" fmla="*/ 4853636 w 6858000"/>
              <a:gd name="connsiteY5462" fmla="*/ 787949 h 6858000"/>
              <a:gd name="connsiteX5463" fmla="*/ 4853636 w 6858000"/>
              <a:gd name="connsiteY5463" fmla="*/ 787505 h 6858000"/>
              <a:gd name="connsiteX5464" fmla="*/ 4730133 w 6858000"/>
              <a:gd name="connsiteY5464" fmla="*/ 787505 h 6858000"/>
              <a:gd name="connsiteX5465" fmla="*/ 4730133 w 6858000"/>
              <a:gd name="connsiteY5465" fmla="*/ 787949 h 6858000"/>
              <a:gd name="connsiteX5466" fmla="*/ 4730578 w 6858000"/>
              <a:gd name="connsiteY5466" fmla="*/ 787949 h 6858000"/>
              <a:gd name="connsiteX5467" fmla="*/ 4730578 w 6858000"/>
              <a:gd name="connsiteY5467" fmla="*/ 787505 h 6858000"/>
              <a:gd name="connsiteX5468" fmla="*/ 4360961 w 6858000"/>
              <a:gd name="connsiteY5468" fmla="*/ 787505 h 6858000"/>
              <a:gd name="connsiteX5469" fmla="*/ 4360961 w 6858000"/>
              <a:gd name="connsiteY5469" fmla="*/ 787949 h 6858000"/>
              <a:gd name="connsiteX5470" fmla="*/ 4361405 w 6858000"/>
              <a:gd name="connsiteY5470" fmla="*/ 787949 h 6858000"/>
              <a:gd name="connsiteX5471" fmla="*/ 4361405 w 6858000"/>
              <a:gd name="connsiteY5471" fmla="*/ 787505 h 6858000"/>
              <a:gd name="connsiteX5472" fmla="*/ 4237904 w 6858000"/>
              <a:gd name="connsiteY5472" fmla="*/ 787505 h 6858000"/>
              <a:gd name="connsiteX5473" fmla="*/ 4237904 w 6858000"/>
              <a:gd name="connsiteY5473" fmla="*/ 787949 h 6858000"/>
              <a:gd name="connsiteX5474" fmla="*/ 4238348 w 6858000"/>
              <a:gd name="connsiteY5474" fmla="*/ 787949 h 6858000"/>
              <a:gd name="connsiteX5475" fmla="*/ 4238348 w 6858000"/>
              <a:gd name="connsiteY5475" fmla="*/ 787505 h 6858000"/>
              <a:gd name="connsiteX5476" fmla="*/ 4114847 w 6858000"/>
              <a:gd name="connsiteY5476" fmla="*/ 787505 h 6858000"/>
              <a:gd name="connsiteX5477" fmla="*/ 4114847 w 6858000"/>
              <a:gd name="connsiteY5477" fmla="*/ 787949 h 6858000"/>
              <a:gd name="connsiteX5478" fmla="*/ 4115291 w 6858000"/>
              <a:gd name="connsiteY5478" fmla="*/ 787949 h 6858000"/>
              <a:gd name="connsiteX5479" fmla="*/ 4115291 w 6858000"/>
              <a:gd name="connsiteY5479" fmla="*/ 787505 h 6858000"/>
              <a:gd name="connsiteX5480" fmla="*/ 3991789 w 6858000"/>
              <a:gd name="connsiteY5480" fmla="*/ 787505 h 6858000"/>
              <a:gd name="connsiteX5481" fmla="*/ 3991789 w 6858000"/>
              <a:gd name="connsiteY5481" fmla="*/ 787949 h 6858000"/>
              <a:gd name="connsiteX5482" fmla="*/ 3992234 w 6858000"/>
              <a:gd name="connsiteY5482" fmla="*/ 787949 h 6858000"/>
              <a:gd name="connsiteX5483" fmla="*/ 3992234 w 6858000"/>
              <a:gd name="connsiteY5483" fmla="*/ 787505 h 6858000"/>
              <a:gd name="connsiteX5484" fmla="*/ 3622173 w 6858000"/>
              <a:gd name="connsiteY5484" fmla="*/ 787098 h 6858000"/>
              <a:gd name="connsiteX5485" fmla="*/ 3622173 w 6858000"/>
              <a:gd name="connsiteY5485" fmla="*/ 788395 h 6858000"/>
              <a:gd name="connsiteX5486" fmla="*/ 3623469 w 6858000"/>
              <a:gd name="connsiteY5486" fmla="*/ 788395 h 6858000"/>
              <a:gd name="connsiteX5487" fmla="*/ 3623469 w 6858000"/>
              <a:gd name="connsiteY5487" fmla="*/ 787098 h 6858000"/>
              <a:gd name="connsiteX5488" fmla="*/ 3498894 w 6858000"/>
              <a:gd name="connsiteY5488" fmla="*/ 786876 h 6858000"/>
              <a:gd name="connsiteX5489" fmla="*/ 3498894 w 6858000"/>
              <a:gd name="connsiteY5489" fmla="*/ 788617 h 6858000"/>
              <a:gd name="connsiteX5490" fmla="*/ 3500634 w 6858000"/>
              <a:gd name="connsiteY5490" fmla="*/ 788617 h 6858000"/>
              <a:gd name="connsiteX5491" fmla="*/ 3500634 w 6858000"/>
              <a:gd name="connsiteY5491" fmla="*/ 786876 h 6858000"/>
              <a:gd name="connsiteX5492" fmla="*/ 3375614 w 6858000"/>
              <a:gd name="connsiteY5492" fmla="*/ 786617 h 6858000"/>
              <a:gd name="connsiteX5493" fmla="*/ 3375614 w 6858000"/>
              <a:gd name="connsiteY5493" fmla="*/ 788802 h 6858000"/>
              <a:gd name="connsiteX5494" fmla="*/ 3377799 w 6858000"/>
              <a:gd name="connsiteY5494" fmla="*/ 788802 h 6858000"/>
              <a:gd name="connsiteX5495" fmla="*/ 3377799 w 6858000"/>
              <a:gd name="connsiteY5495" fmla="*/ 786617 h 6858000"/>
              <a:gd name="connsiteX5496" fmla="*/ 3251890 w 6858000"/>
              <a:gd name="connsiteY5496" fmla="*/ 785988 h 6858000"/>
              <a:gd name="connsiteX5497" fmla="*/ 3251890 w 6858000"/>
              <a:gd name="connsiteY5497" fmla="*/ 789469 h 6858000"/>
              <a:gd name="connsiteX5498" fmla="*/ 3255371 w 6858000"/>
              <a:gd name="connsiteY5498" fmla="*/ 789469 h 6858000"/>
              <a:gd name="connsiteX5499" fmla="*/ 3255371 w 6858000"/>
              <a:gd name="connsiteY5499" fmla="*/ 785988 h 6858000"/>
              <a:gd name="connsiteX5500" fmla="*/ 3128203 w 6858000"/>
              <a:gd name="connsiteY5500" fmla="*/ 785358 h 6858000"/>
              <a:gd name="connsiteX5501" fmla="*/ 3128203 w 6858000"/>
              <a:gd name="connsiteY5501" fmla="*/ 790135 h 6858000"/>
              <a:gd name="connsiteX5502" fmla="*/ 3132980 w 6858000"/>
              <a:gd name="connsiteY5502" fmla="*/ 790135 h 6858000"/>
              <a:gd name="connsiteX5503" fmla="*/ 3132980 w 6858000"/>
              <a:gd name="connsiteY5503" fmla="*/ 785358 h 6858000"/>
              <a:gd name="connsiteX5504" fmla="*/ 3004257 w 6858000"/>
              <a:gd name="connsiteY5504" fmla="*/ 784469 h 6858000"/>
              <a:gd name="connsiteX5505" fmla="*/ 3004257 w 6858000"/>
              <a:gd name="connsiteY5505" fmla="*/ 790987 h 6858000"/>
              <a:gd name="connsiteX5506" fmla="*/ 3010775 w 6858000"/>
              <a:gd name="connsiteY5506" fmla="*/ 790987 h 6858000"/>
              <a:gd name="connsiteX5507" fmla="*/ 3010775 w 6858000"/>
              <a:gd name="connsiteY5507" fmla="*/ 784469 h 6858000"/>
              <a:gd name="connsiteX5508" fmla="*/ 2880126 w 6858000"/>
              <a:gd name="connsiteY5508" fmla="*/ 783359 h 6858000"/>
              <a:gd name="connsiteX5509" fmla="*/ 2880126 w 6858000"/>
              <a:gd name="connsiteY5509" fmla="*/ 792061 h 6858000"/>
              <a:gd name="connsiteX5510" fmla="*/ 2888828 w 6858000"/>
              <a:gd name="connsiteY5510" fmla="*/ 792061 h 6858000"/>
              <a:gd name="connsiteX5511" fmla="*/ 2888828 w 6858000"/>
              <a:gd name="connsiteY5511" fmla="*/ 783359 h 6858000"/>
              <a:gd name="connsiteX5512" fmla="*/ 2755550 w 6858000"/>
              <a:gd name="connsiteY5512" fmla="*/ 781840 h 6858000"/>
              <a:gd name="connsiteX5513" fmla="*/ 2755550 w 6858000"/>
              <a:gd name="connsiteY5513" fmla="*/ 793579 h 6858000"/>
              <a:gd name="connsiteX5514" fmla="*/ 2767289 w 6858000"/>
              <a:gd name="connsiteY5514" fmla="*/ 793579 h 6858000"/>
              <a:gd name="connsiteX5515" fmla="*/ 2767289 w 6858000"/>
              <a:gd name="connsiteY5515" fmla="*/ 781840 h 6858000"/>
              <a:gd name="connsiteX5516" fmla="*/ 2630753 w 6858000"/>
              <a:gd name="connsiteY5516" fmla="*/ 780138 h 6858000"/>
              <a:gd name="connsiteX5517" fmla="*/ 2630753 w 6858000"/>
              <a:gd name="connsiteY5517" fmla="*/ 795321 h 6858000"/>
              <a:gd name="connsiteX5518" fmla="*/ 2645936 w 6858000"/>
              <a:gd name="connsiteY5518" fmla="*/ 795321 h 6858000"/>
              <a:gd name="connsiteX5519" fmla="*/ 2645936 w 6858000"/>
              <a:gd name="connsiteY5519" fmla="*/ 780138 h 6858000"/>
              <a:gd name="connsiteX5520" fmla="*/ 2505510 w 6858000"/>
              <a:gd name="connsiteY5520" fmla="*/ 777952 h 6858000"/>
              <a:gd name="connsiteX5521" fmla="*/ 2505510 w 6858000"/>
              <a:gd name="connsiteY5521" fmla="*/ 797505 h 6858000"/>
              <a:gd name="connsiteX5522" fmla="*/ 2525063 w 6858000"/>
              <a:gd name="connsiteY5522" fmla="*/ 797505 h 6858000"/>
              <a:gd name="connsiteX5523" fmla="*/ 2525063 w 6858000"/>
              <a:gd name="connsiteY5523" fmla="*/ 777952 h 6858000"/>
              <a:gd name="connsiteX5524" fmla="*/ 2380046 w 6858000"/>
              <a:gd name="connsiteY5524" fmla="*/ 775546 h 6858000"/>
              <a:gd name="connsiteX5525" fmla="*/ 2380046 w 6858000"/>
              <a:gd name="connsiteY5525" fmla="*/ 799875 h 6858000"/>
              <a:gd name="connsiteX5526" fmla="*/ 2404376 w 6858000"/>
              <a:gd name="connsiteY5526" fmla="*/ 799875 h 6858000"/>
              <a:gd name="connsiteX5527" fmla="*/ 2404376 w 6858000"/>
              <a:gd name="connsiteY5527" fmla="*/ 775546 h 6858000"/>
              <a:gd name="connsiteX5528" fmla="*/ 2254174 w 6858000"/>
              <a:gd name="connsiteY5528" fmla="*/ 772767 h 6858000"/>
              <a:gd name="connsiteX5529" fmla="*/ 2254174 w 6858000"/>
              <a:gd name="connsiteY5529" fmla="*/ 802727 h 6858000"/>
              <a:gd name="connsiteX5530" fmla="*/ 2284133 w 6858000"/>
              <a:gd name="connsiteY5530" fmla="*/ 802727 h 6858000"/>
              <a:gd name="connsiteX5531" fmla="*/ 2284133 w 6858000"/>
              <a:gd name="connsiteY5531" fmla="*/ 772767 h 6858000"/>
              <a:gd name="connsiteX5532" fmla="*/ 2128080 w 6858000"/>
              <a:gd name="connsiteY5532" fmla="*/ 769731 h 6858000"/>
              <a:gd name="connsiteX5533" fmla="*/ 2128080 w 6858000"/>
              <a:gd name="connsiteY5533" fmla="*/ 805764 h 6858000"/>
              <a:gd name="connsiteX5534" fmla="*/ 2164112 w 6858000"/>
              <a:gd name="connsiteY5534" fmla="*/ 805764 h 6858000"/>
              <a:gd name="connsiteX5535" fmla="*/ 2164112 w 6858000"/>
              <a:gd name="connsiteY5535" fmla="*/ 769731 h 6858000"/>
              <a:gd name="connsiteX5536" fmla="*/ 2001764 w 6858000"/>
              <a:gd name="connsiteY5536" fmla="*/ 766472 h 6858000"/>
              <a:gd name="connsiteX5537" fmla="*/ 2001764 w 6858000"/>
              <a:gd name="connsiteY5537" fmla="*/ 809022 h 6858000"/>
              <a:gd name="connsiteX5538" fmla="*/ 2044314 w 6858000"/>
              <a:gd name="connsiteY5538" fmla="*/ 809022 h 6858000"/>
              <a:gd name="connsiteX5539" fmla="*/ 2044314 w 6858000"/>
              <a:gd name="connsiteY5539" fmla="*/ 766472 h 6858000"/>
              <a:gd name="connsiteX5540" fmla="*/ 1875448 w 6858000"/>
              <a:gd name="connsiteY5540" fmla="*/ 763213 h 6858000"/>
              <a:gd name="connsiteX5541" fmla="*/ 1875448 w 6858000"/>
              <a:gd name="connsiteY5541" fmla="*/ 812281 h 6858000"/>
              <a:gd name="connsiteX5542" fmla="*/ 1924515 w 6858000"/>
              <a:gd name="connsiteY5542" fmla="*/ 812281 h 6858000"/>
              <a:gd name="connsiteX5543" fmla="*/ 1924515 w 6858000"/>
              <a:gd name="connsiteY5543" fmla="*/ 763213 h 6858000"/>
              <a:gd name="connsiteX5544" fmla="*/ 1748910 w 6858000"/>
              <a:gd name="connsiteY5544" fmla="*/ 759733 h 6858000"/>
              <a:gd name="connsiteX5545" fmla="*/ 1748910 w 6858000"/>
              <a:gd name="connsiteY5545" fmla="*/ 815762 h 6858000"/>
              <a:gd name="connsiteX5546" fmla="*/ 1804939 w 6858000"/>
              <a:gd name="connsiteY5546" fmla="*/ 815762 h 6858000"/>
              <a:gd name="connsiteX5547" fmla="*/ 1804939 w 6858000"/>
              <a:gd name="connsiteY5547" fmla="*/ 759733 h 6858000"/>
              <a:gd name="connsiteX5548" fmla="*/ 1622371 w 6858000"/>
              <a:gd name="connsiteY5548" fmla="*/ 756214 h 6858000"/>
              <a:gd name="connsiteX5549" fmla="*/ 1622371 w 6858000"/>
              <a:gd name="connsiteY5549" fmla="*/ 819206 h 6858000"/>
              <a:gd name="connsiteX5550" fmla="*/ 1685362 w 6858000"/>
              <a:gd name="connsiteY5550" fmla="*/ 819206 h 6858000"/>
              <a:gd name="connsiteX5551" fmla="*/ 1685362 w 6858000"/>
              <a:gd name="connsiteY5551" fmla="*/ 756214 h 6858000"/>
              <a:gd name="connsiteX5552" fmla="*/ 1495833 w 6858000"/>
              <a:gd name="connsiteY5552" fmla="*/ 752771 h 6858000"/>
              <a:gd name="connsiteX5553" fmla="*/ 1495833 w 6858000"/>
              <a:gd name="connsiteY5553" fmla="*/ 822687 h 6858000"/>
              <a:gd name="connsiteX5554" fmla="*/ 1565749 w 6858000"/>
              <a:gd name="connsiteY5554" fmla="*/ 822687 h 6858000"/>
              <a:gd name="connsiteX5555" fmla="*/ 1565749 w 6858000"/>
              <a:gd name="connsiteY5555" fmla="*/ 752771 h 6858000"/>
              <a:gd name="connsiteX5556" fmla="*/ 1369295 w 6858000"/>
              <a:gd name="connsiteY5556" fmla="*/ 749289 h 6858000"/>
              <a:gd name="connsiteX5557" fmla="*/ 1369295 w 6858000"/>
              <a:gd name="connsiteY5557" fmla="*/ 826168 h 6858000"/>
              <a:gd name="connsiteX5558" fmla="*/ 1446174 w 6858000"/>
              <a:gd name="connsiteY5558" fmla="*/ 826168 h 6858000"/>
              <a:gd name="connsiteX5559" fmla="*/ 1446174 w 6858000"/>
              <a:gd name="connsiteY5559" fmla="*/ 749289 h 6858000"/>
              <a:gd name="connsiteX5560" fmla="*/ 1242978 w 6858000"/>
              <a:gd name="connsiteY5560" fmla="*/ 746031 h 6858000"/>
              <a:gd name="connsiteX5561" fmla="*/ 1242978 w 6858000"/>
              <a:gd name="connsiteY5561" fmla="*/ 829427 h 6858000"/>
              <a:gd name="connsiteX5562" fmla="*/ 1326374 w 6858000"/>
              <a:gd name="connsiteY5562" fmla="*/ 829427 h 6858000"/>
              <a:gd name="connsiteX5563" fmla="*/ 1326374 w 6858000"/>
              <a:gd name="connsiteY5563" fmla="*/ 746031 h 6858000"/>
              <a:gd name="connsiteX5564" fmla="*/ 1117107 w 6858000"/>
              <a:gd name="connsiteY5564" fmla="*/ 743217 h 6858000"/>
              <a:gd name="connsiteX5565" fmla="*/ 1117107 w 6858000"/>
              <a:gd name="connsiteY5565" fmla="*/ 832242 h 6858000"/>
              <a:gd name="connsiteX5566" fmla="*/ 1206132 w 6858000"/>
              <a:gd name="connsiteY5566" fmla="*/ 832242 h 6858000"/>
              <a:gd name="connsiteX5567" fmla="*/ 1206132 w 6858000"/>
              <a:gd name="connsiteY5567" fmla="*/ 743217 h 6858000"/>
              <a:gd name="connsiteX5568" fmla="*/ 991198 w 6858000"/>
              <a:gd name="connsiteY5568" fmla="*/ 740365 h 6858000"/>
              <a:gd name="connsiteX5569" fmla="*/ 991198 w 6858000"/>
              <a:gd name="connsiteY5569" fmla="*/ 835057 h 6858000"/>
              <a:gd name="connsiteX5570" fmla="*/ 1085889 w 6858000"/>
              <a:gd name="connsiteY5570" fmla="*/ 835057 h 6858000"/>
              <a:gd name="connsiteX5571" fmla="*/ 1085889 w 6858000"/>
              <a:gd name="connsiteY5571" fmla="*/ 740365 h 6858000"/>
              <a:gd name="connsiteX5572" fmla="*/ 865993 w 6858000"/>
              <a:gd name="connsiteY5572" fmla="*/ 738217 h 6858000"/>
              <a:gd name="connsiteX5573" fmla="*/ 865993 w 6858000"/>
              <a:gd name="connsiteY5573" fmla="*/ 837242 h 6858000"/>
              <a:gd name="connsiteX5574" fmla="*/ 965017 w 6858000"/>
              <a:gd name="connsiteY5574" fmla="*/ 837242 h 6858000"/>
              <a:gd name="connsiteX5575" fmla="*/ 965017 w 6858000"/>
              <a:gd name="connsiteY5575" fmla="*/ 738217 h 6858000"/>
              <a:gd name="connsiteX5576" fmla="*/ 740973 w 6858000"/>
              <a:gd name="connsiteY5576" fmla="*/ 736255 h 6858000"/>
              <a:gd name="connsiteX5577" fmla="*/ 740973 w 6858000"/>
              <a:gd name="connsiteY5577" fmla="*/ 839205 h 6858000"/>
              <a:gd name="connsiteX5578" fmla="*/ 843922 w 6858000"/>
              <a:gd name="connsiteY5578" fmla="*/ 839205 h 6858000"/>
              <a:gd name="connsiteX5579" fmla="*/ 843922 w 6858000"/>
              <a:gd name="connsiteY5579" fmla="*/ 736255 h 6858000"/>
              <a:gd name="connsiteX5580" fmla="*/ 616397 w 6858000"/>
              <a:gd name="connsiteY5580" fmla="*/ 734737 h 6858000"/>
              <a:gd name="connsiteX5581" fmla="*/ 616397 w 6858000"/>
              <a:gd name="connsiteY5581" fmla="*/ 840722 h 6858000"/>
              <a:gd name="connsiteX5582" fmla="*/ 722383 w 6858000"/>
              <a:gd name="connsiteY5582" fmla="*/ 840722 h 6858000"/>
              <a:gd name="connsiteX5583" fmla="*/ 722383 w 6858000"/>
              <a:gd name="connsiteY5583" fmla="*/ 734737 h 6858000"/>
              <a:gd name="connsiteX5584" fmla="*/ 492229 w 6858000"/>
              <a:gd name="connsiteY5584" fmla="*/ 733663 h 6858000"/>
              <a:gd name="connsiteX5585" fmla="*/ 492229 w 6858000"/>
              <a:gd name="connsiteY5585" fmla="*/ 841796 h 6858000"/>
              <a:gd name="connsiteX5586" fmla="*/ 600362 w 6858000"/>
              <a:gd name="connsiteY5586" fmla="*/ 841796 h 6858000"/>
              <a:gd name="connsiteX5587" fmla="*/ 600362 w 6858000"/>
              <a:gd name="connsiteY5587" fmla="*/ 733663 h 6858000"/>
              <a:gd name="connsiteX5588" fmla="*/ 368542 w 6858000"/>
              <a:gd name="connsiteY5588" fmla="*/ 732996 h 6858000"/>
              <a:gd name="connsiteX5589" fmla="*/ 368542 w 6858000"/>
              <a:gd name="connsiteY5589" fmla="*/ 842463 h 6858000"/>
              <a:gd name="connsiteX5590" fmla="*/ 478009 w 6858000"/>
              <a:gd name="connsiteY5590" fmla="*/ 842463 h 6858000"/>
              <a:gd name="connsiteX5591" fmla="*/ 478009 w 6858000"/>
              <a:gd name="connsiteY5591" fmla="*/ 732996 h 6858000"/>
              <a:gd name="connsiteX5592" fmla="*/ 245040 w 6858000"/>
              <a:gd name="connsiteY5592" fmla="*/ 732588 h 6858000"/>
              <a:gd name="connsiteX5593" fmla="*/ 245040 w 6858000"/>
              <a:gd name="connsiteY5593" fmla="*/ 842907 h 6858000"/>
              <a:gd name="connsiteX5594" fmla="*/ 355358 w 6858000"/>
              <a:gd name="connsiteY5594" fmla="*/ 842907 h 6858000"/>
              <a:gd name="connsiteX5595" fmla="*/ 355358 w 6858000"/>
              <a:gd name="connsiteY5595" fmla="*/ 732588 h 6858000"/>
              <a:gd name="connsiteX5596" fmla="*/ 121761 w 6858000"/>
              <a:gd name="connsiteY5596" fmla="*/ 732330 h 6858000"/>
              <a:gd name="connsiteX5597" fmla="*/ 121761 w 6858000"/>
              <a:gd name="connsiteY5597" fmla="*/ 843093 h 6858000"/>
              <a:gd name="connsiteX5598" fmla="*/ 232524 w 6858000"/>
              <a:gd name="connsiteY5598" fmla="*/ 843093 h 6858000"/>
              <a:gd name="connsiteX5599" fmla="*/ 232524 w 6858000"/>
              <a:gd name="connsiteY5599" fmla="*/ 732330 h 6858000"/>
              <a:gd name="connsiteX5600" fmla="*/ 3991789 w 6858000"/>
              <a:gd name="connsiteY5600" fmla="*/ 664446 h 6858000"/>
              <a:gd name="connsiteX5601" fmla="*/ 3991789 w 6858000"/>
              <a:gd name="connsiteY5601" fmla="*/ 664890 h 6858000"/>
              <a:gd name="connsiteX5602" fmla="*/ 3992234 w 6858000"/>
              <a:gd name="connsiteY5602" fmla="*/ 664890 h 6858000"/>
              <a:gd name="connsiteX5603" fmla="*/ 3992234 w 6858000"/>
              <a:gd name="connsiteY5603" fmla="*/ 664446 h 6858000"/>
              <a:gd name="connsiteX5604" fmla="*/ 3868732 w 6858000"/>
              <a:gd name="connsiteY5604" fmla="*/ 664446 h 6858000"/>
              <a:gd name="connsiteX5605" fmla="*/ 3868732 w 6858000"/>
              <a:gd name="connsiteY5605" fmla="*/ 664890 h 6858000"/>
              <a:gd name="connsiteX5606" fmla="*/ 3869176 w 6858000"/>
              <a:gd name="connsiteY5606" fmla="*/ 664890 h 6858000"/>
              <a:gd name="connsiteX5607" fmla="*/ 3869176 w 6858000"/>
              <a:gd name="connsiteY5607" fmla="*/ 664446 h 6858000"/>
              <a:gd name="connsiteX5608" fmla="*/ 5714629 w 6858000"/>
              <a:gd name="connsiteY5608" fmla="*/ 664445 h 6858000"/>
              <a:gd name="connsiteX5609" fmla="*/ 5714629 w 6858000"/>
              <a:gd name="connsiteY5609" fmla="*/ 664889 h 6858000"/>
              <a:gd name="connsiteX5610" fmla="*/ 5715073 w 6858000"/>
              <a:gd name="connsiteY5610" fmla="*/ 664889 h 6858000"/>
              <a:gd name="connsiteX5611" fmla="*/ 5715073 w 6858000"/>
              <a:gd name="connsiteY5611" fmla="*/ 664445 h 6858000"/>
              <a:gd name="connsiteX5612" fmla="*/ 5591572 w 6858000"/>
              <a:gd name="connsiteY5612" fmla="*/ 664445 h 6858000"/>
              <a:gd name="connsiteX5613" fmla="*/ 5591572 w 6858000"/>
              <a:gd name="connsiteY5613" fmla="*/ 664889 h 6858000"/>
              <a:gd name="connsiteX5614" fmla="*/ 5592017 w 6858000"/>
              <a:gd name="connsiteY5614" fmla="*/ 664889 h 6858000"/>
              <a:gd name="connsiteX5615" fmla="*/ 5592017 w 6858000"/>
              <a:gd name="connsiteY5615" fmla="*/ 664445 h 6858000"/>
              <a:gd name="connsiteX5616" fmla="*/ 5468514 w 6858000"/>
              <a:gd name="connsiteY5616" fmla="*/ 664445 h 6858000"/>
              <a:gd name="connsiteX5617" fmla="*/ 5468514 w 6858000"/>
              <a:gd name="connsiteY5617" fmla="*/ 664889 h 6858000"/>
              <a:gd name="connsiteX5618" fmla="*/ 5468958 w 6858000"/>
              <a:gd name="connsiteY5618" fmla="*/ 664889 h 6858000"/>
              <a:gd name="connsiteX5619" fmla="*/ 5468958 w 6858000"/>
              <a:gd name="connsiteY5619" fmla="*/ 664445 h 6858000"/>
              <a:gd name="connsiteX5620" fmla="*/ 5345457 w 6858000"/>
              <a:gd name="connsiteY5620" fmla="*/ 664445 h 6858000"/>
              <a:gd name="connsiteX5621" fmla="*/ 5345457 w 6858000"/>
              <a:gd name="connsiteY5621" fmla="*/ 664889 h 6858000"/>
              <a:gd name="connsiteX5622" fmla="*/ 5345901 w 6858000"/>
              <a:gd name="connsiteY5622" fmla="*/ 664889 h 6858000"/>
              <a:gd name="connsiteX5623" fmla="*/ 5345901 w 6858000"/>
              <a:gd name="connsiteY5623" fmla="*/ 664445 h 6858000"/>
              <a:gd name="connsiteX5624" fmla="*/ 5222400 w 6858000"/>
              <a:gd name="connsiteY5624" fmla="*/ 664445 h 6858000"/>
              <a:gd name="connsiteX5625" fmla="*/ 5222400 w 6858000"/>
              <a:gd name="connsiteY5625" fmla="*/ 664889 h 6858000"/>
              <a:gd name="connsiteX5626" fmla="*/ 5222844 w 6858000"/>
              <a:gd name="connsiteY5626" fmla="*/ 664889 h 6858000"/>
              <a:gd name="connsiteX5627" fmla="*/ 5222844 w 6858000"/>
              <a:gd name="connsiteY5627" fmla="*/ 664445 h 6858000"/>
              <a:gd name="connsiteX5628" fmla="*/ 5099305 w 6858000"/>
              <a:gd name="connsiteY5628" fmla="*/ 664445 h 6858000"/>
              <a:gd name="connsiteX5629" fmla="*/ 5099305 w 6858000"/>
              <a:gd name="connsiteY5629" fmla="*/ 664889 h 6858000"/>
              <a:gd name="connsiteX5630" fmla="*/ 5099749 w 6858000"/>
              <a:gd name="connsiteY5630" fmla="*/ 664889 h 6858000"/>
              <a:gd name="connsiteX5631" fmla="*/ 5099749 w 6858000"/>
              <a:gd name="connsiteY5631" fmla="*/ 664445 h 6858000"/>
              <a:gd name="connsiteX5632" fmla="*/ 4976248 w 6858000"/>
              <a:gd name="connsiteY5632" fmla="*/ 664445 h 6858000"/>
              <a:gd name="connsiteX5633" fmla="*/ 4976248 w 6858000"/>
              <a:gd name="connsiteY5633" fmla="*/ 664889 h 6858000"/>
              <a:gd name="connsiteX5634" fmla="*/ 4976692 w 6858000"/>
              <a:gd name="connsiteY5634" fmla="*/ 664889 h 6858000"/>
              <a:gd name="connsiteX5635" fmla="*/ 4976692 w 6858000"/>
              <a:gd name="connsiteY5635" fmla="*/ 664445 h 6858000"/>
              <a:gd name="connsiteX5636" fmla="*/ 4853191 w 6858000"/>
              <a:gd name="connsiteY5636" fmla="*/ 664445 h 6858000"/>
              <a:gd name="connsiteX5637" fmla="*/ 4853191 w 6858000"/>
              <a:gd name="connsiteY5637" fmla="*/ 664889 h 6858000"/>
              <a:gd name="connsiteX5638" fmla="*/ 4853636 w 6858000"/>
              <a:gd name="connsiteY5638" fmla="*/ 664889 h 6858000"/>
              <a:gd name="connsiteX5639" fmla="*/ 4853636 w 6858000"/>
              <a:gd name="connsiteY5639" fmla="*/ 664445 h 6858000"/>
              <a:gd name="connsiteX5640" fmla="*/ 4730133 w 6858000"/>
              <a:gd name="connsiteY5640" fmla="*/ 664445 h 6858000"/>
              <a:gd name="connsiteX5641" fmla="*/ 4730133 w 6858000"/>
              <a:gd name="connsiteY5641" fmla="*/ 664889 h 6858000"/>
              <a:gd name="connsiteX5642" fmla="*/ 4730578 w 6858000"/>
              <a:gd name="connsiteY5642" fmla="*/ 664889 h 6858000"/>
              <a:gd name="connsiteX5643" fmla="*/ 4730578 w 6858000"/>
              <a:gd name="connsiteY5643" fmla="*/ 664445 h 6858000"/>
              <a:gd name="connsiteX5644" fmla="*/ 4360961 w 6858000"/>
              <a:gd name="connsiteY5644" fmla="*/ 664445 h 6858000"/>
              <a:gd name="connsiteX5645" fmla="*/ 4360961 w 6858000"/>
              <a:gd name="connsiteY5645" fmla="*/ 664889 h 6858000"/>
              <a:gd name="connsiteX5646" fmla="*/ 4361405 w 6858000"/>
              <a:gd name="connsiteY5646" fmla="*/ 664889 h 6858000"/>
              <a:gd name="connsiteX5647" fmla="*/ 4361405 w 6858000"/>
              <a:gd name="connsiteY5647" fmla="*/ 664445 h 6858000"/>
              <a:gd name="connsiteX5648" fmla="*/ 4237904 w 6858000"/>
              <a:gd name="connsiteY5648" fmla="*/ 664445 h 6858000"/>
              <a:gd name="connsiteX5649" fmla="*/ 4237904 w 6858000"/>
              <a:gd name="connsiteY5649" fmla="*/ 664890 h 6858000"/>
              <a:gd name="connsiteX5650" fmla="*/ 4238348 w 6858000"/>
              <a:gd name="connsiteY5650" fmla="*/ 664890 h 6858000"/>
              <a:gd name="connsiteX5651" fmla="*/ 4238348 w 6858000"/>
              <a:gd name="connsiteY5651" fmla="*/ 664445 h 6858000"/>
              <a:gd name="connsiteX5652" fmla="*/ 4114847 w 6858000"/>
              <a:gd name="connsiteY5652" fmla="*/ 664445 h 6858000"/>
              <a:gd name="connsiteX5653" fmla="*/ 4114847 w 6858000"/>
              <a:gd name="connsiteY5653" fmla="*/ 664890 h 6858000"/>
              <a:gd name="connsiteX5654" fmla="*/ 4115291 w 6858000"/>
              <a:gd name="connsiteY5654" fmla="*/ 664890 h 6858000"/>
              <a:gd name="connsiteX5655" fmla="*/ 4115291 w 6858000"/>
              <a:gd name="connsiteY5655" fmla="*/ 664445 h 6858000"/>
              <a:gd name="connsiteX5656" fmla="*/ 3745453 w 6858000"/>
              <a:gd name="connsiteY5656" fmla="*/ 664260 h 6858000"/>
              <a:gd name="connsiteX5657" fmla="*/ 3745453 w 6858000"/>
              <a:gd name="connsiteY5657" fmla="*/ 665112 h 6858000"/>
              <a:gd name="connsiteX5658" fmla="*/ 3746305 w 6858000"/>
              <a:gd name="connsiteY5658" fmla="*/ 665112 h 6858000"/>
              <a:gd name="connsiteX5659" fmla="*/ 3746305 w 6858000"/>
              <a:gd name="connsiteY5659" fmla="*/ 664260 h 6858000"/>
              <a:gd name="connsiteX5660" fmla="*/ 3622173 w 6858000"/>
              <a:gd name="connsiteY5660" fmla="*/ 664038 h 6858000"/>
              <a:gd name="connsiteX5661" fmla="*/ 3622173 w 6858000"/>
              <a:gd name="connsiteY5661" fmla="*/ 665334 h 6858000"/>
              <a:gd name="connsiteX5662" fmla="*/ 3623469 w 6858000"/>
              <a:gd name="connsiteY5662" fmla="*/ 665334 h 6858000"/>
              <a:gd name="connsiteX5663" fmla="*/ 3623469 w 6858000"/>
              <a:gd name="connsiteY5663" fmla="*/ 664038 h 6858000"/>
              <a:gd name="connsiteX5664" fmla="*/ 3498894 w 6858000"/>
              <a:gd name="connsiteY5664" fmla="*/ 663779 h 6858000"/>
              <a:gd name="connsiteX5665" fmla="*/ 3498894 w 6858000"/>
              <a:gd name="connsiteY5665" fmla="*/ 665520 h 6858000"/>
              <a:gd name="connsiteX5666" fmla="*/ 3500634 w 6858000"/>
              <a:gd name="connsiteY5666" fmla="*/ 665520 h 6858000"/>
              <a:gd name="connsiteX5667" fmla="*/ 3500634 w 6858000"/>
              <a:gd name="connsiteY5667" fmla="*/ 663779 h 6858000"/>
              <a:gd name="connsiteX5668" fmla="*/ 3375392 w 6858000"/>
              <a:gd name="connsiteY5668" fmla="*/ 663372 h 6858000"/>
              <a:gd name="connsiteX5669" fmla="*/ 3375392 w 6858000"/>
              <a:gd name="connsiteY5669" fmla="*/ 665964 h 6858000"/>
              <a:gd name="connsiteX5670" fmla="*/ 3377984 w 6858000"/>
              <a:gd name="connsiteY5670" fmla="*/ 665964 h 6858000"/>
              <a:gd name="connsiteX5671" fmla="*/ 3377984 w 6858000"/>
              <a:gd name="connsiteY5671" fmla="*/ 663372 h 6858000"/>
              <a:gd name="connsiteX5672" fmla="*/ 3251668 w 6858000"/>
              <a:gd name="connsiteY5672" fmla="*/ 662705 h 6858000"/>
              <a:gd name="connsiteX5673" fmla="*/ 3251668 w 6858000"/>
              <a:gd name="connsiteY5673" fmla="*/ 666631 h 6858000"/>
              <a:gd name="connsiteX5674" fmla="*/ 3255593 w 6858000"/>
              <a:gd name="connsiteY5674" fmla="*/ 666631 h 6858000"/>
              <a:gd name="connsiteX5675" fmla="*/ 3255593 w 6858000"/>
              <a:gd name="connsiteY5675" fmla="*/ 662705 h 6858000"/>
              <a:gd name="connsiteX5676" fmla="*/ 3127759 w 6858000"/>
              <a:gd name="connsiteY5676" fmla="*/ 661853 h 6858000"/>
              <a:gd name="connsiteX5677" fmla="*/ 3127759 w 6858000"/>
              <a:gd name="connsiteY5677" fmla="*/ 667482 h 6858000"/>
              <a:gd name="connsiteX5678" fmla="*/ 3133388 w 6858000"/>
              <a:gd name="connsiteY5678" fmla="*/ 667482 h 6858000"/>
              <a:gd name="connsiteX5679" fmla="*/ 3133388 w 6858000"/>
              <a:gd name="connsiteY5679" fmla="*/ 661853 h 6858000"/>
              <a:gd name="connsiteX5680" fmla="*/ 3003813 w 6858000"/>
              <a:gd name="connsiteY5680" fmla="*/ 661002 h 6858000"/>
              <a:gd name="connsiteX5681" fmla="*/ 3003813 w 6858000"/>
              <a:gd name="connsiteY5681" fmla="*/ 668371 h 6858000"/>
              <a:gd name="connsiteX5682" fmla="*/ 3011182 w 6858000"/>
              <a:gd name="connsiteY5682" fmla="*/ 668371 h 6858000"/>
              <a:gd name="connsiteX5683" fmla="*/ 3011182 w 6858000"/>
              <a:gd name="connsiteY5683" fmla="*/ 661002 h 6858000"/>
              <a:gd name="connsiteX5684" fmla="*/ 2879459 w 6858000"/>
              <a:gd name="connsiteY5684" fmla="*/ 659668 h 6858000"/>
              <a:gd name="connsiteX5685" fmla="*/ 2879459 w 6858000"/>
              <a:gd name="connsiteY5685" fmla="*/ 669667 h 6858000"/>
              <a:gd name="connsiteX5686" fmla="*/ 2889458 w 6858000"/>
              <a:gd name="connsiteY5686" fmla="*/ 669667 h 6858000"/>
              <a:gd name="connsiteX5687" fmla="*/ 2889458 w 6858000"/>
              <a:gd name="connsiteY5687" fmla="*/ 659668 h 6858000"/>
              <a:gd name="connsiteX5688" fmla="*/ 2754884 w 6858000"/>
              <a:gd name="connsiteY5688" fmla="*/ 658151 h 6858000"/>
              <a:gd name="connsiteX5689" fmla="*/ 2754884 w 6858000"/>
              <a:gd name="connsiteY5689" fmla="*/ 671186 h 6858000"/>
              <a:gd name="connsiteX5690" fmla="*/ 2767919 w 6858000"/>
              <a:gd name="connsiteY5690" fmla="*/ 671186 h 6858000"/>
              <a:gd name="connsiteX5691" fmla="*/ 2767919 w 6858000"/>
              <a:gd name="connsiteY5691" fmla="*/ 658151 h 6858000"/>
              <a:gd name="connsiteX5692" fmla="*/ 2630086 w 6858000"/>
              <a:gd name="connsiteY5692" fmla="*/ 656410 h 6858000"/>
              <a:gd name="connsiteX5693" fmla="*/ 2630086 w 6858000"/>
              <a:gd name="connsiteY5693" fmla="*/ 672926 h 6858000"/>
              <a:gd name="connsiteX5694" fmla="*/ 2646602 w 6858000"/>
              <a:gd name="connsiteY5694" fmla="*/ 672926 h 6858000"/>
              <a:gd name="connsiteX5695" fmla="*/ 2646602 w 6858000"/>
              <a:gd name="connsiteY5695" fmla="*/ 656410 h 6858000"/>
              <a:gd name="connsiteX5696" fmla="*/ 2504844 w 6858000"/>
              <a:gd name="connsiteY5696" fmla="*/ 654225 h 6858000"/>
              <a:gd name="connsiteX5697" fmla="*/ 2504844 w 6858000"/>
              <a:gd name="connsiteY5697" fmla="*/ 675074 h 6858000"/>
              <a:gd name="connsiteX5698" fmla="*/ 2525693 w 6858000"/>
              <a:gd name="connsiteY5698" fmla="*/ 675074 h 6858000"/>
              <a:gd name="connsiteX5699" fmla="*/ 2525693 w 6858000"/>
              <a:gd name="connsiteY5699" fmla="*/ 654225 h 6858000"/>
              <a:gd name="connsiteX5700" fmla="*/ 2379416 w 6858000"/>
              <a:gd name="connsiteY5700" fmla="*/ 651854 h 6858000"/>
              <a:gd name="connsiteX5701" fmla="*/ 2379416 w 6858000"/>
              <a:gd name="connsiteY5701" fmla="*/ 677481 h 6858000"/>
              <a:gd name="connsiteX5702" fmla="*/ 2405042 w 6858000"/>
              <a:gd name="connsiteY5702" fmla="*/ 677481 h 6858000"/>
              <a:gd name="connsiteX5703" fmla="*/ 2405042 w 6858000"/>
              <a:gd name="connsiteY5703" fmla="*/ 651854 h 6858000"/>
              <a:gd name="connsiteX5704" fmla="*/ 2253508 w 6858000"/>
              <a:gd name="connsiteY5704" fmla="*/ 649041 h 6858000"/>
              <a:gd name="connsiteX5705" fmla="*/ 2253508 w 6858000"/>
              <a:gd name="connsiteY5705" fmla="*/ 680296 h 6858000"/>
              <a:gd name="connsiteX5706" fmla="*/ 2284763 w 6858000"/>
              <a:gd name="connsiteY5706" fmla="*/ 680296 h 6858000"/>
              <a:gd name="connsiteX5707" fmla="*/ 2284763 w 6858000"/>
              <a:gd name="connsiteY5707" fmla="*/ 649041 h 6858000"/>
              <a:gd name="connsiteX5708" fmla="*/ 2127414 w 6858000"/>
              <a:gd name="connsiteY5708" fmla="*/ 645967 h 6858000"/>
              <a:gd name="connsiteX5709" fmla="*/ 2127414 w 6858000"/>
              <a:gd name="connsiteY5709" fmla="*/ 683332 h 6858000"/>
              <a:gd name="connsiteX5710" fmla="*/ 2164779 w 6858000"/>
              <a:gd name="connsiteY5710" fmla="*/ 683332 h 6858000"/>
              <a:gd name="connsiteX5711" fmla="*/ 2164779 w 6858000"/>
              <a:gd name="connsiteY5711" fmla="*/ 645967 h 6858000"/>
              <a:gd name="connsiteX5712" fmla="*/ 2001320 w 6858000"/>
              <a:gd name="connsiteY5712" fmla="*/ 642931 h 6858000"/>
              <a:gd name="connsiteX5713" fmla="*/ 2001320 w 6858000"/>
              <a:gd name="connsiteY5713" fmla="*/ 686369 h 6858000"/>
              <a:gd name="connsiteX5714" fmla="*/ 2044758 w 6858000"/>
              <a:gd name="connsiteY5714" fmla="*/ 686369 h 6858000"/>
              <a:gd name="connsiteX5715" fmla="*/ 2044758 w 6858000"/>
              <a:gd name="connsiteY5715" fmla="*/ 642931 h 6858000"/>
              <a:gd name="connsiteX5716" fmla="*/ 1875004 w 6858000"/>
              <a:gd name="connsiteY5716" fmla="*/ 639672 h 6858000"/>
              <a:gd name="connsiteX5717" fmla="*/ 1875004 w 6858000"/>
              <a:gd name="connsiteY5717" fmla="*/ 689628 h 6858000"/>
              <a:gd name="connsiteX5718" fmla="*/ 1924960 w 6858000"/>
              <a:gd name="connsiteY5718" fmla="*/ 689628 h 6858000"/>
              <a:gd name="connsiteX5719" fmla="*/ 1924960 w 6858000"/>
              <a:gd name="connsiteY5719" fmla="*/ 639672 h 6858000"/>
              <a:gd name="connsiteX5720" fmla="*/ 1748465 w 6858000"/>
              <a:gd name="connsiteY5720" fmla="*/ 636228 h 6858000"/>
              <a:gd name="connsiteX5721" fmla="*/ 1748465 w 6858000"/>
              <a:gd name="connsiteY5721" fmla="*/ 693109 h 6858000"/>
              <a:gd name="connsiteX5722" fmla="*/ 1805346 w 6858000"/>
              <a:gd name="connsiteY5722" fmla="*/ 693109 h 6858000"/>
              <a:gd name="connsiteX5723" fmla="*/ 1805346 w 6858000"/>
              <a:gd name="connsiteY5723" fmla="*/ 636228 h 6858000"/>
              <a:gd name="connsiteX5724" fmla="*/ 1622149 w 6858000"/>
              <a:gd name="connsiteY5724" fmla="*/ 632969 h 6858000"/>
              <a:gd name="connsiteX5725" fmla="*/ 1622149 w 6858000"/>
              <a:gd name="connsiteY5725" fmla="*/ 696368 h 6858000"/>
              <a:gd name="connsiteX5726" fmla="*/ 1685548 w 6858000"/>
              <a:gd name="connsiteY5726" fmla="*/ 696368 h 6858000"/>
              <a:gd name="connsiteX5727" fmla="*/ 1685548 w 6858000"/>
              <a:gd name="connsiteY5727" fmla="*/ 632969 h 6858000"/>
              <a:gd name="connsiteX5728" fmla="*/ 1495611 w 6858000"/>
              <a:gd name="connsiteY5728" fmla="*/ 629488 h 6858000"/>
              <a:gd name="connsiteX5729" fmla="*/ 1495611 w 6858000"/>
              <a:gd name="connsiteY5729" fmla="*/ 699849 h 6858000"/>
              <a:gd name="connsiteX5730" fmla="*/ 1565972 w 6858000"/>
              <a:gd name="connsiteY5730" fmla="*/ 699849 h 6858000"/>
              <a:gd name="connsiteX5731" fmla="*/ 1565972 w 6858000"/>
              <a:gd name="connsiteY5731" fmla="*/ 629488 h 6858000"/>
              <a:gd name="connsiteX5732" fmla="*/ 1369295 w 6858000"/>
              <a:gd name="connsiteY5732" fmla="*/ 626229 h 6858000"/>
              <a:gd name="connsiteX5733" fmla="*/ 1369295 w 6858000"/>
              <a:gd name="connsiteY5733" fmla="*/ 703108 h 6858000"/>
              <a:gd name="connsiteX5734" fmla="*/ 1446174 w 6858000"/>
              <a:gd name="connsiteY5734" fmla="*/ 703108 h 6858000"/>
              <a:gd name="connsiteX5735" fmla="*/ 1446174 w 6858000"/>
              <a:gd name="connsiteY5735" fmla="*/ 626229 h 6858000"/>
              <a:gd name="connsiteX5736" fmla="*/ 1243201 w 6858000"/>
              <a:gd name="connsiteY5736" fmla="*/ 623193 h 6858000"/>
              <a:gd name="connsiteX5737" fmla="*/ 1243201 w 6858000"/>
              <a:gd name="connsiteY5737" fmla="*/ 706145 h 6858000"/>
              <a:gd name="connsiteX5738" fmla="*/ 1326153 w 6858000"/>
              <a:gd name="connsiteY5738" fmla="*/ 706145 h 6858000"/>
              <a:gd name="connsiteX5739" fmla="*/ 1326153 w 6858000"/>
              <a:gd name="connsiteY5739" fmla="*/ 623193 h 6858000"/>
              <a:gd name="connsiteX5740" fmla="*/ 1117329 w 6858000"/>
              <a:gd name="connsiteY5740" fmla="*/ 620341 h 6858000"/>
              <a:gd name="connsiteX5741" fmla="*/ 1117329 w 6858000"/>
              <a:gd name="connsiteY5741" fmla="*/ 708959 h 6858000"/>
              <a:gd name="connsiteX5742" fmla="*/ 1205947 w 6858000"/>
              <a:gd name="connsiteY5742" fmla="*/ 708959 h 6858000"/>
              <a:gd name="connsiteX5743" fmla="*/ 1205947 w 6858000"/>
              <a:gd name="connsiteY5743" fmla="*/ 620341 h 6858000"/>
              <a:gd name="connsiteX5744" fmla="*/ 991642 w 6858000"/>
              <a:gd name="connsiteY5744" fmla="*/ 617786 h 6858000"/>
              <a:gd name="connsiteX5745" fmla="*/ 991642 w 6858000"/>
              <a:gd name="connsiteY5745" fmla="*/ 711588 h 6858000"/>
              <a:gd name="connsiteX5746" fmla="*/ 1085444 w 6858000"/>
              <a:gd name="connsiteY5746" fmla="*/ 711588 h 6858000"/>
              <a:gd name="connsiteX5747" fmla="*/ 1085444 w 6858000"/>
              <a:gd name="connsiteY5747" fmla="*/ 617786 h 6858000"/>
              <a:gd name="connsiteX5748" fmla="*/ 866215 w 6858000"/>
              <a:gd name="connsiteY5748" fmla="*/ 615380 h 6858000"/>
              <a:gd name="connsiteX5749" fmla="*/ 866215 w 6858000"/>
              <a:gd name="connsiteY5749" fmla="*/ 713959 h 6858000"/>
              <a:gd name="connsiteX5750" fmla="*/ 964794 w 6858000"/>
              <a:gd name="connsiteY5750" fmla="*/ 713959 h 6858000"/>
              <a:gd name="connsiteX5751" fmla="*/ 964794 w 6858000"/>
              <a:gd name="connsiteY5751" fmla="*/ 615380 h 6858000"/>
              <a:gd name="connsiteX5752" fmla="*/ 741417 w 6858000"/>
              <a:gd name="connsiteY5752" fmla="*/ 613639 h 6858000"/>
              <a:gd name="connsiteX5753" fmla="*/ 741417 w 6858000"/>
              <a:gd name="connsiteY5753" fmla="*/ 715699 h 6858000"/>
              <a:gd name="connsiteX5754" fmla="*/ 843477 w 6858000"/>
              <a:gd name="connsiteY5754" fmla="*/ 715699 h 6858000"/>
              <a:gd name="connsiteX5755" fmla="*/ 843477 w 6858000"/>
              <a:gd name="connsiteY5755" fmla="*/ 613639 h 6858000"/>
              <a:gd name="connsiteX5756" fmla="*/ 616804 w 6858000"/>
              <a:gd name="connsiteY5756" fmla="*/ 612121 h 6858000"/>
              <a:gd name="connsiteX5757" fmla="*/ 616804 w 6858000"/>
              <a:gd name="connsiteY5757" fmla="*/ 717217 h 6858000"/>
              <a:gd name="connsiteX5758" fmla="*/ 721901 w 6858000"/>
              <a:gd name="connsiteY5758" fmla="*/ 717217 h 6858000"/>
              <a:gd name="connsiteX5759" fmla="*/ 721901 w 6858000"/>
              <a:gd name="connsiteY5759" fmla="*/ 612121 h 6858000"/>
              <a:gd name="connsiteX5760" fmla="*/ 492673 w 6858000"/>
              <a:gd name="connsiteY5760" fmla="*/ 611010 h 6858000"/>
              <a:gd name="connsiteX5761" fmla="*/ 492673 w 6858000"/>
              <a:gd name="connsiteY5761" fmla="*/ 718291 h 6858000"/>
              <a:gd name="connsiteX5762" fmla="*/ 599955 w 6858000"/>
              <a:gd name="connsiteY5762" fmla="*/ 718291 h 6858000"/>
              <a:gd name="connsiteX5763" fmla="*/ 599955 w 6858000"/>
              <a:gd name="connsiteY5763" fmla="*/ 611010 h 6858000"/>
              <a:gd name="connsiteX5764" fmla="*/ 368764 w 6858000"/>
              <a:gd name="connsiteY5764" fmla="*/ 610159 h 6858000"/>
              <a:gd name="connsiteX5765" fmla="*/ 368764 w 6858000"/>
              <a:gd name="connsiteY5765" fmla="*/ 719180 h 6858000"/>
              <a:gd name="connsiteX5766" fmla="*/ 477786 w 6858000"/>
              <a:gd name="connsiteY5766" fmla="*/ 719180 h 6858000"/>
              <a:gd name="connsiteX5767" fmla="*/ 477786 w 6858000"/>
              <a:gd name="connsiteY5767" fmla="*/ 610159 h 6858000"/>
              <a:gd name="connsiteX5768" fmla="*/ 245262 w 6858000"/>
              <a:gd name="connsiteY5768" fmla="*/ 609751 h 6858000"/>
              <a:gd name="connsiteX5769" fmla="*/ 245262 w 6858000"/>
              <a:gd name="connsiteY5769" fmla="*/ 719624 h 6858000"/>
              <a:gd name="connsiteX5770" fmla="*/ 355136 w 6858000"/>
              <a:gd name="connsiteY5770" fmla="*/ 719624 h 6858000"/>
              <a:gd name="connsiteX5771" fmla="*/ 355136 w 6858000"/>
              <a:gd name="connsiteY5771" fmla="*/ 609751 h 6858000"/>
              <a:gd name="connsiteX5772" fmla="*/ 121761 w 6858000"/>
              <a:gd name="connsiteY5772" fmla="*/ 609270 h 6858000"/>
              <a:gd name="connsiteX5773" fmla="*/ 121761 w 6858000"/>
              <a:gd name="connsiteY5773" fmla="*/ 720032 h 6858000"/>
              <a:gd name="connsiteX5774" fmla="*/ 232524 w 6858000"/>
              <a:gd name="connsiteY5774" fmla="*/ 720032 h 6858000"/>
              <a:gd name="connsiteX5775" fmla="*/ 232524 w 6858000"/>
              <a:gd name="connsiteY5775" fmla="*/ 609270 h 6858000"/>
              <a:gd name="connsiteX5776" fmla="*/ 4114847 w 6858000"/>
              <a:gd name="connsiteY5776" fmla="*/ 541386 h 6858000"/>
              <a:gd name="connsiteX5777" fmla="*/ 4114847 w 6858000"/>
              <a:gd name="connsiteY5777" fmla="*/ 541829 h 6858000"/>
              <a:gd name="connsiteX5778" fmla="*/ 4115291 w 6858000"/>
              <a:gd name="connsiteY5778" fmla="*/ 541829 h 6858000"/>
              <a:gd name="connsiteX5779" fmla="*/ 4115291 w 6858000"/>
              <a:gd name="connsiteY5779" fmla="*/ 541386 h 6858000"/>
              <a:gd name="connsiteX5780" fmla="*/ 3991789 w 6858000"/>
              <a:gd name="connsiteY5780" fmla="*/ 541386 h 6858000"/>
              <a:gd name="connsiteX5781" fmla="*/ 3991789 w 6858000"/>
              <a:gd name="connsiteY5781" fmla="*/ 541830 h 6858000"/>
              <a:gd name="connsiteX5782" fmla="*/ 3992234 w 6858000"/>
              <a:gd name="connsiteY5782" fmla="*/ 541830 h 6858000"/>
              <a:gd name="connsiteX5783" fmla="*/ 3992234 w 6858000"/>
              <a:gd name="connsiteY5783" fmla="*/ 541386 h 6858000"/>
              <a:gd name="connsiteX5784" fmla="*/ 5714629 w 6858000"/>
              <a:gd name="connsiteY5784" fmla="*/ 541385 h 6858000"/>
              <a:gd name="connsiteX5785" fmla="*/ 5714629 w 6858000"/>
              <a:gd name="connsiteY5785" fmla="*/ 541829 h 6858000"/>
              <a:gd name="connsiteX5786" fmla="*/ 5715073 w 6858000"/>
              <a:gd name="connsiteY5786" fmla="*/ 541829 h 6858000"/>
              <a:gd name="connsiteX5787" fmla="*/ 5715073 w 6858000"/>
              <a:gd name="connsiteY5787" fmla="*/ 541385 h 6858000"/>
              <a:gd name="connsiteX5788" fmla="*/ 5591572 w 6858000"/>
              <a:gd name="connsiteY5788" fmla="*/ 541385 h 6858000"/>
              <a:gd name="connsiteX5789" fmla="*/ 5591572 w 6858000"/>
              <a:gd name="connsiteY5789" fmla="*/ 541829 h 6858000"/>
              <a:gd name="connsiteX5790" fmla="*/ 5592017 w 6858000"/>
              <a:gd name="connsiteY5790" fmla="*/ 541829 h 6858000"/>
              <a:gd name="connsiteX5791" fmla="*/ 5592017 w 6858000"/>
              <a:gd name="connsiteY5791" fmla="*/ 541385 h 6858000"/>
              <a:gd name="connsiteX5792" fmla="*/ 5468514 w 6858000"/>
              <a:gd name="connsiteY5792" fmla="*/ 541385 h 6858000"/>
              <a:gd name="connsiteX5793" fmla="*/ 5468514 w 6858000"/>
              <a:gd name="connsiteY5793" fmla="*/ 541829 h 6858000"/>
              <a:gd name="connsiteX5794" fmla="*/ 5468958 w 6858000"/>
              <a:gd name="connsiteY5794" fmla="*/ 541829 h 6858000"/>
              <a:gd name="connsiteX5795" fmla="*/ 5468958 w 6858000"/>
              <a:gd name="connsiteY5795" fmla="*/ 541385 h 6858000"/>
              <a:gd name="connsiteX5796" fmla="*/ 5345457 w 6858000"/>
              <a:gd name="connsiteY5796" fmla="*/ 541385 h 6858000"/>
              <a:gd name="connsiteX5797" fmla="*/ 5345457 w 6858000"/>
              <a:gd name="connsiteY5797" fmla="*/ 541829 h 6858000"/>
              <a:gd name="connsiteX5798" fmla="*/ 5345901 w 6858000"/>
              <a:gd name="connsiteY5798" fmla="*/ 541829 h 6858000"/>
              <a:gd name="connsiteX5799" fmla="*/ 5345901 w 6858000"/>
              <a:gd name="connsiteY5799" fmla="*/ 541385 h 6858000"/>
              <a:gd name="connsiteX5800" fmla="*/ 5222400 w 6858000"/>
              <a:gd name="connsiteY5800" fmla="*/ 541385 h 6858000"/>
              <a:gd name="connsiteX5801" fmla="*/ 5222400 w 6858000"/>
              <a:gd name="connsiteY5801" fmla="*/ 541829 h 6858000"/>
              <a:gd name="connsiteX5802" fmla="*/ 5222844 w 6858000"/>
              <a:gd name="connsiteY5802" fmla="*/ 541829 h 6858000"/>
              <a:gd name="connsiteX5803" fmla="*/ 5222844 w 6858000"/>
              <a:gd name="connsiteY5803" fmla="*/ 541385 h 6858000"/>
              <a:gd name="connsiteX5804" fmla="*/ 5099305 w 6858000"/>
              <a:gd name="connsiteY5804" fmla="*/ 541385 h 6858000"/>
              <a:gd name="connsiteX5805" fmla="*/ 5099305 w 6858000"/>
              <a:gd name="connsiteY5805" fmla="*/ 541829 h 6858000"/>
              <a:gd name="connsiteX5806" fmla="*/ 5099749 w 6858000"/>
              <a:gd name="connsiteY5806" fmla="*/ 541829 h 6858000"/>
              <a:gd name="connsiteX5807" fmla="*/ 5099749 w 6858000"/>
              <a:gd name="connsiteY5807" fmla="*/ 541385 h 6858000"/>
              <a:gd name="connsiteX5808" fmla="*/ 4976248 w 6858000"/>
              <a:gd name="connsiteY5808" fmla="*/ 541385 h 6858000"/>
              <a:gd name="connsiteX5809" fmla="*/ 4976248 w 6858000"/>
              <a:gd name="connsiteY5809" fmla="*/ 541829 h 6858000"/>
              <a:gd name="connsiteX5810" fmla="*/ 4976692 w 6858000"/>
              <a:gd name="connsiteY5810" fmla="*/ 541829 h 6858000"/>
              <a:gd name="connsiteX5811" fmla="*/ 4976692 w 6858000"/>
              <a:gd name="connsiteY5811" fmla="*/ 541385 h 6858000"/>
              <a:gd name="connsiteX5812" fmla="*/ 4853191 w 6858000"/>
              <a:gd name="connsiteY5812" fmla="*/ 541385 h 6858000"/>
              <a:gd name="connsiteX5813" fmla="*/ 4853191 w 6858000"/>
              <a:gd name="connsiteY5813" fmla="*/ 541829 h 6858000"/>
              <a:gd name="connsiteX5814" fmla="*/ 4853636 w 6858000"/>
              <a:gd name="connsiteY5814" fmla="*/ 541829 h 6858000"/>
              <a:gd name="connsiteX5815" fmla="*/ 4853636 w 6858000"/>
              <a:gd name="connsiteY5815" fmla="*/ 541385 h 6858000"/>
              <a:gd name="connsiteX5816" fmla="*/ 4730133 w 6858000"/>
              <a:gd name="connsiteY5816" fmla="*/ 541385 h 6858000"/>
              <a:gd name="connsiteX5817" fmla="*/ 4730133 w 6858000"/>
              <a:gd name="connsiteY5817" fmla="*/ 541829 h 6858000"/>
              <a:gd name="connsiteX5818" fmla="*/ 4730578 w 6858000"/>
              <a:gd name="connsiteY5818" fmla="*/ 541829 h 6858000"/>
              <a:gd name="connsiteX5819" fmla="*/ 4730578 w 6858000"/>
              <a:gd name="connsiteY5819" fmla="*/ 541385 h 6858000"/>
              <a:gd name="connsiteX5820" fmla="*/ 4360961 w 6858000"/>
              <a:gd name="connsiteY5820" fmla="*/ 541385 h 6858000"/>
              <a:gd name="connsiteX5821" fmla="*/ 4360961 w 6858000"/>
              <a:gd name="connsiteY5821" fmla="*/ 541829 h 6858000"/>
              <a:gd name="connsiteX5822" fmla="*/ 4361405 w 6858000"/>
              <a:gd name="connsiteY5822" fmla="*/ 541829 h 6858000"/>
              <a:gd name="connsiteX5823" fmla="*/ 4361405 w 6858000"/>
              <a:gd name="connsiteY5823" fmla="*/ 541385 h 6858000"/>
              <a:gd name="connsiteX5824" fmla="*/ 4237904 w 6858000"/>
              <a:gd name="connsiteY5824" fmla="*/ 541385 h 6858000"/>
              <a:gd name="connsiteX5825" fmla="*/ 4237904 w 6858000"/>
              <a:gd name="connsiteY5825" fmla="*/ 541829 h 6858000"/>
              <a:gd name="connsiteX5826" fmla="*/ 4238348 w 6858000"/>
              <a:gd name="connsiteY5826" fmla="*/ 541829 h 6858000"/>
              <a:gd name="connsiteX5827" fmla="*/ 4238348 w 6858000"/>
              <a:gd name="connsiteY5827" fmla="*/ 541385 h 6858000"/>
              <a:gd name="connsiteX5828" fmla="*/ 3868510 w 6858000"/>
              <a:gd name="connsiteY5828" fmla="*/ 541200 h 6858000"/>
              <a:gd name="connsiteX5829" fmla="*/ 3868510 w 6858000"/>
              <a:gd name="connsiteY5829" fmla="*/ 542052 h 6858000"/>
              <a:gd name="connsiteX5830" fmla="*/ 3869362 w 6858000"/>
              <a:gd name="connsiteY5830" fmla="*/ 542052 h 6858000"/>
              <a:gd name="connsiteX5831" fmla="*/ 3869362 w 6858000"/>
              <a:gd name="connsiteY5831" fmla="*/ 541200 h 6858000"/>
              <a:gd name="connsiteX5832" fmla="*/ 3745230 w 6858000"/>
              <a:gd name="connsiteY5832" fmla="*/ 540941 h 6858000"/>
              <a:gd name="connsiteX5833" fmla="*/ 3745230 w 6858000"/>
              <a:gd name="connsiteY5833" fmla="*/ 542237 h 6858000"/>
              <a:gd name="connsiteX5834" fmla="*/ 3746526 w 6858000"/>
              <a:gd name="connsiteY5834" fmla="*/ 542237 h 6858000"/>
              <a:gd name="connsiteX5835" fmla="*/ 3746526 w 6858000"/>
              <a:gd name="connsiteY5835" fmla="*/ 540941 h 6858000"/>
              <a:gd name="connsiteX5836" fmla="*/ 3621951 w 6858000"/>
              <a:gd name="connsiteY5836" fmla="*/ 540719 h 6858000"/>
              <a:gd name="connsiteX5837" fmla="*/ 3621951 w 6858000"/>
              <a:gd name="connsiteY5837" fmla="*/ 542459 h 6858000"/>
              <a:gd name="connsiteX5838" fmla="*/ 3623691 w 6858000"/>
              <a:gd name="connsiteY5838" fmla="*/ 542459 h 6858000"/>
              <a:gd name="connsiteX5839" fmla="*/ 3623691 w 6858000"/>
              <a:gd name="connsiteY5839" fmla="*/ 540719 h 6858000"/>
              <a:gd name="connsiteX5840" fmla="*/ 3498671 w 6858000"/>
              <a:gd name="connsiteY5840" fmla="*/ 540496 h 6858000"/>
              <a:gd name="connsiteX5841" fmla="*/ 3498671 w 6858000"/>
              <a:gd name="connsiteY5841" fmla="*/ 542681 h 6858000"/>
              <a:gd name="connsiteX5842" fmla="*/ 3500856 w 6858000"/>
              <a:gd name="connsiteY5842" fmla="*/ 542681 h 6858000"/>
              <a:gd name="connsiteX5843" fmla="*/ 3500856 w 6858000"/>
              <a:gd name="connsiteY5843" fmla="*/ 540496 h 6858000"/>
              <a:gd name="connsiteX5844" fmla="*/ 3374947 w 6858000"/>
              <a:gd name="connsiteY5844" fmla="*/ 539867 h 6858000"/>
              <a:gd name="connsiteX5845" fmla="*/ 3374947 w 6858000"/>
              <a:gd name="connsiteY5845" fmla="*/ 543348 h 6858000"/>
              <a:gd name="connsiteX5846" fmla="*/ 3378428 w 6858000"/>
              <a:gd name="connsiteY5846" fmla="*/ 543348 h 6858000"/>
              <a:gd name="connsiteX5847" fmla="*/ 3378428 w 6858000"/>
              <a:gd name="connsiteY5847" fmla="*/ 539867 h 6858000"/>
              <a:gd name="connsiteX5848" fmla="*/ 3251261 w 6858000"/>
              <a:gd name="connsiteY5848" fmla="*/ 539201 h 6858000"/>
              <a:gd name="connsiteX5849" fmla="*/ 3251261 w 6858000"/>
              <a:gd name="connsiteY5849" fmla="*/ 543978 h 6858000"/>
              <a:gd name="connsiteX5850" fmla="*/ 3256038 w 6858000"/>
              <a:gd name="connsiteY5850" fmla="*/ 543978 h 6858000"/>
              <a:gd name="connsiteX5851" fmla="*/ 3256038 w 6858000"/>
              <a:gd name="connsiteY5851" fmla="*/ 539201 h 6858000"/>
              <a:gd name="connsiteX5852" fmla="*/ 3127315 w 6858000"/>
              <a:gd name="connsiteY5852" fmla="*/ 538348 h 6858000"/>
              <a:gd name="connsiteX5853" fmla="*/ 3127315 w 6858000"/>
              <a:gd name="connsiteY5853" fmla="*/ 544866 h 6858000"/>
              <a:gd name="connsiteX5854" fmla="*/ 3133833 w 6858000"/>
              <a:gd name="connsiteY5854" fmla="*/ 544866 h 6858000"/>
              <a:gd name="connsiteX5855" fmla="*/ 3133833 w 6858000"/>
              <a:gd name="connsiteY5855" fmla="*/ 538348 h 6858000"/>
              <a:gd name="connsiteX5856" fmla="*/ 3003405 w 6858000"/>
              <a:gd name="connsiteY5856" fmla="*/ 537460 h 6858000"/>
              <a:gd name="connsiteX5857" fmla="*/ 3003405 w 6858000"/>
              <a:gd name="connsiteY5857" fmla="*/ 545718 h 6858000"/>
              <a:gd name="connsiteX5858" fmla="*/ 3011663 w 6858000"/>
              <a:gd name="connsiteY5858" fmla="*/ 545718 h 6858000"/>
              <a:gd name="connsiteX5859" fmla="*/ 3011663 w 6858000"/>
              <a:gd name="connsiteY5859" fmla="*/ 537460 h 6858000"/>
              <a:gd name="connsiteX5860" fmla="*/ 2879015 w 6858000"/>
              <a:gd name="connsiteY5860" fmla="*/ 536200 h 6858000"/>
              <a:gd name="connsiteX5861" fmla="*/ 2879015 w 6858000"/>
              <a:gd name="connsiteY5861" fmla="*/ 547051 h 6858000"/>
              <a:gd name="connsiteX5862" fmla="*/ 2889865 w 6858000"/>
              <a:gd name="connsiteY5862" fmla="*/ 547051 h 6858000"/>
              <a:gd name="connsiteX5863" fmla="*/ 2889865 w 6858000"/>
              <a:gd name="connsiteY5863" fmla="*/ 536200 h 6858000"/>
              <a:gd name="connsiteX5864" fmla="*/ 2754217 w 6858000"/>
              <a:gd name="connsiteY5864" fmla="*/ 534424 h 6858000"/>
              <a:gd name="connsiteX5865" fmla="*/ 2754217 w 6858000"/>
              <a:gd name="connsiteY5865" fmla="*/ 548755 h 6858000"/>
              <a:gd name="connsiteX5866" fmla="*/ 2768548 w 6858000"/>
              <a:gd name="connsiteY5866" fmla="*/ 548755 h 6858000"/>
              <a:gd name="connsiteX5867" fmla="*/ 2768548 w 6858000"/>
              <a:gd name="connsiteY5867" fmla="*/ 534424 h 6858000"/>
              <a:gd name="connsiteX5868" fmla="*/ 2629419 w 6858000"/>
              <a:gd name="connsiteY5868" fmla="*/ 532682 h 6858000"/>
              <a:gd name="connsiteX5869" fmla="*/ 2629419 w 6858000"/>
              <a:gd name="connsiteY5869" fmla="*/ 550495 h 6858000"/>
              <a:gd name="connsiteX5870" fmla="*/ 2647231 w 6858000"/>
              <a:gd name="connsiteY5870" fmla="*/ 550495 h 6858000"/>
              <a:gd name="connsiteX5871" fmla="*/ 2647231 w 6858000"/>
              <a:gd name="connsiteY5871" fmla="*/ 532682 h 6858000"/>
              <a:gd name="connsiteX5872" fmla="*/ 2504214 w 6858000"/>
              <a:gd name="connsiteY5872" fmla="*/ 530535 h 6858000"/>
              <a:gd name="connsiteX5873" fmla="*/ 2504214 w 6858000"/>
              <a:gd name="connsiteY5873" fmla="*/ 552680 h 6858000"/>
              <a:gd name="connsiteX5874" fmla="*/ 2526359 w 6858000"/>
              <a:gd name="connsiteY5874" fmla="*/ 552680 h 6858000"/>
              <a:gd name="connsiteX5875" fmla="*/ 2526359 w 6858000"/>
              <a:gd name="connsiteY5875" fmla="*/ 530535 h 6858000"/>
              <a:gd name="connsiteX5876" fmla="*/ 2378750 w 6858000"/>
              <a:gd name="connsiteY5876" fmla="*/ 528129 h 6858000"/>
              <a:gd name="connsiteX5877" fmla="*/ 2378750 w 6858000"/>
              <a:gd name="connsiteY5877" fmla="*/ 555051 h 6858000"/>
              <a:gd name="connsiteX5878" fmla="*/ 2405672 w 6858000"/>
              <a:gd name="connsiteY5878" fmla="*/ 555051 h 6858000"/>
              <a:gd name="connsiteX5879" fmla="*/ 2405672 w 6858000"/>
              <a:gd name="connsiteY5879" fmla="*/ 528129 h 6858000"/>
              <a:gd name="connsiteX5880" fmla="*/ 2252878 w 6858000"/>
              <a:gd name="connsiteY5880" fmla="*/ 525315 h 6858000"/>
              <a:gd name="connsiteX5881" fmla="*/ 2252878 w 6858000"/>
              <a:gd name="connsiteY5881" fmla="*/ 557903 h 6858000"/>
              <a:gd name="connsiteX5882" fmla="*/ 2285466 w 6858000"/>
              <a:gd name="connsiteY5882" fmla="*/ 557903 h 6858000"/>
              <a:gd name="connsiteX5883" fmla="*/ 2285466 w 6858000"/>
              <a:gd name="connsiteY5883" fmla="*/ 525315 h 6858000"/>
              <a:gd name="connsiteX5884" fmla="*/ 2126969 w 6858000"/>
              <a:gd name="connsiteY5884" fmla="*/ 522499 h 6858000"/>
              <a:gd name="connsiteX5885" fmla="*/ 2126969 w 6858000"/>
              <a:gd name="connsiteY5885" fmla="*/ 560717 h 6858000"/>
              <a:gd name="connsiteX5886" fmla="*/ 2165186 w 6858000"/>
              <a:gd name="connsiteY5886" fmla="*/ 560717 h 6858000"/>
              <a:gd name="connsiteX5887" fmla="*/ 2165186 w 6858000"/>
              <a:gd name="connsiteY5887" fmla="*/ 522499 h 6858000"/>
              <a:gd name="connsiteX5888" fmla="*/ 2000875 w 6858000"/>
              <a:gd name="connsiteY5888" fmla="*/ 519464 h 6858000"/>
              <a:gd name="connsiteX5889" fmla="*/ 2000875 w 6858000"/>
              <a:gd name="connsiteY5889" fmla="*/ 563754 h 6858000"/>
              <a:gd name="connsiteX5890" fmla="*/ 2045165 w 6858000"/>
              <a:gd name="connsiteY5890" fmla="*/ 563754 h 6858000"/>
              <a:gd name="connsiteX5891" fmla="*/ 2045165 w 6858000"/>
              <a:gd name="connsiteY5891" fmla="*/ 519464 h 6858000"/>
              <a:gd name="connsiteX5892" fmla="*/ 1874559 w 6858000"/>
              <a:gd name="connsiteY5892" fmla="*/ 516205 h 6858000"/>
              <a:gd name="connsiteX5893" fmla="*/ 1874559 w 6858000"/>
              <a:gd name="connsiteY5893" fmla="*/ 567013 h 6858000"/>
              <a:gd name="connsiteX5894" fmla="*/ 1925367 w 6858000"/>
              <a:gd name="connsiteY5894" fmla="*/ 567013 h 6858000"/>
              <a:gd name="connsiteX5895" fmla="*/ 1925367 w 6858000"/>
              <a:gd name="connsiteY5895" fmla="*/ 516205 h 6858000"/>
              <a:gd name="connsiteX5896" fmla="*/ 1748243 w 6858000"/>
              <a:gd name="connsiteY5896" fmla="*/ 512945 h 6858000"/>
              <a:gd name="connsiteX5897" fmla="*/ 1748243 w 6858000"/>
              <a:gd name="connsiteY5897" fmla="*/ 570271 h 6858000"/>
              <a:gd name="connsiteX5898" fmla="*/ 1805569 w 6858000"/>
              <a:gd name="connsiteY5898" fmla="*/ 570271 h 6858000"/>
              <a:gd name="connsiteX5899" fmla="*/ 1805569 w 6858000"/>
              <a:gd name="connsiteY5899" fmla="*/ 512945 h 6858000"/>
              <a:gd name="connsiteX5900" fmla="*/ 1621927 w 6858000"/>
              <a:gd name="connsiteY5900" fmla="*/ 509687 h 6858000"/>
              <a:gd name="connsiteX5901" fmla="*/ 1621927 w 6858000"/>
              <a:gd name="connsiteY5901" fmla="*/ 573530 h 6858000"/>
              <a:gd name="connsiteX5902" fmla="*/ 1685770 w 6858000"/>
              <a:gd name="connsiteY5902" fmla="*/ 573530 h 6858000"/>
              <a:gd name="connsiteX5903" fmla="*/ 1685770 w 6858000"/>
              <a:gd name="connsiteY5903" fmla="*/ 509687 h 6858000"/>
              <a:gd name="connsiteX5904" fmla="*/ 1495611 w 6858000"/>
              <a:gd name="connsiteY5904" fmla="*/ 506428 h 6858000"/>
              <a:gd name="connsiteX5905" fmla="*/ 1495611 w 6858000"/>
              <a:gd name="connsiteY5905" fmla="*/ 576789 h 6858000"/>
              <a:gd name="connsiteX5906" fmla="*/ 1565972 w 6858000"/>
              <a:gd name="connsiteY5906" fmla="*/ 576789 h 6858000"/>
              <a:gd name="connsiteX5907" fmla="*/ 1565972 w 6858000"/>
              <a:gd name="connsiteY5907" fmla="*/ 506428 h 6858000"/>
              <a:gd name="connsiteX5908" fmla="*/ 1369295 w 6858000"/>
              <a:gd name="connsiteY5908" fmla="*/ 503170 h 6858000"/>
              <a:gd name="connsiteX5909" fmla="*/ 1369295 w 6858000"/>
              <a:gd name="connsiteY5909" fmla="*/ 580048 h 6858000"/>
              <a:gd name="connsiteX5910" fmla="*/ 1446174 w 6858000"/>
              <a:gd name="connsiteY5910" fmla="*/ 580048 h 6858000"/>
              <a:gd name="connsiteX5911" fmla="*/ 1446174 w 6858000"/>
              <a:gd name="connsiteY5911" fmla="*/ 503170 h 6858000"/>
              <a:gd name="connsiteX5912" fmla="*/ 1243423 w 6858000"/>
              <a:gd name="connsiteY5912" fmla="*/ 500355 h 6858000"/>
              <a:gd name="connsiteX5913" fmla="*/ 1243423 w 6858000"/>
              <a:gd name="connsiteY5913" fmla="*/ 582862 h 6858000"/>
              <a:gd name="connsiteX5914" fmla="*/ 1325930 w 6858000"/>
              <a:gd name="connsiteY5914" fmla="*/ 582862 h 6858000"/>
              <a:gd name="connsiteX5915" fmla="*/ 1325930 w 6858000"/>
              <a:gd name="connsiteY5915" fmla="*/ 500355 h 6858000"/>
              <a:gd name="connsiteX5916" fmla="*/ 1117514 w 6858000"/>
              <a:gd name="connsiteY5916" fmla="*/ 497504 h 6858000"/>
              <a:gd name="connsiteX5917" fmla="*/ 1117514 w 6858000"/>
              <a:gd name="connsiteY5917" fmla="*/ 585677 h 6858000"/>
              <a:gd name="connsiteX5918" fmla="*/ 1205687 w 6858000"/>
              <a:gd name="connsiteY5918" fmla="*/ 585677 h 6858000"/>
              <a:gd name="connsiteX5919" fmla="*/ 1205687 w 6858000"/>
              <a:gd name="connsiteY5919" fmla="*/ 497504 h 6858000"/>
              <a:gd name="connsiteX5920" fmla="*/ 991864 w 6858000"/>
              <a:gd name="connsiteY5920" fmla="*/ 494911 h 6858000"/>
              <a:gd name="connsiteX5921" fmla="*/ 991864 w 6858000"/>
              <a:gd name="connsiteY5921" fmla="*/ 588306 h 6858000"/>
              <a:gd name="connsiteX5922" fmla="*/ 1085259 w 6858000"/>
              <a:gd name="connsiteY5922" fmla="*/ 588306 h 6858000"/>
              <a:gd name="connsiteX5923" fmla="*/ 1085259 w 6858000"/>
              <a:gd name="connsiteY5923" fmla="*/ 494911 h 6858000"/>
              <a:gd name="connsiteX5924" fmla="*/ 866622 w 6858000"/>
              <a:gd name="connsiteY5924" fmla="*/ 492726 h 6858000"/>
              <a:gd name="connsiteX5925" fmla="*/ 866622 w 6858000"/>
              <a:gd name="connsiteY5925" fmla="*/ 590454 h 6858000"/>
              <a:gd name="connsiteX5926" fmla="*/ 964349 w 6858000"/>
              <a:gd name="connsiteY5926" fmla="*/ 590454 h 6858000"/>
              <a:gd name="connsiteX5927" fmla="*/ 964349 w 6858000"/>
              <a:gd name="connsiteY5927" fmla="*/ 492726 h 6858000"/>
              <a:gd name="connsiteX5928" fmla="*/ 741602 w 6858000"/>
              <a:gd name="connsiteY5928" fmla="*/ 490801 h 6858000"/>
              <a:gd name="connsiteX5929" fmla="*/ 741602 w 6858000"/>
              <a:gd name="connsiteY5929" fmla="*/ 592416 h 6858000"/>
              <a:gd name="connsiteX5930" fmla="*/ 843218 w 6858000"/>
              <a:gd name="connsiteY5930" fmla="*/ 592416 h 6858000"/>
              <a:gd name="connsiteX5931" fmla="*/ 843218 w 6858000"/>
              <a:gd name="connsiteY5931" fmla="*/ 490801 h 6858000"/>
              <a:gd name="connsiteX5932" fmla="*/ 617249 w 6858000"/>
              <a:gd name="connsiteY5932" fmla="*/ 489469 h 6858000"/>
              <a:gd name="connsiteX5933" fmla="*/ 617249 w 6858000"/>
              <a:gd name="connsiteY5933" fmla="*/ 593713 h 6858000"/>
              <a:gd name="connsiteX5934" fmla="*/ 721494 w 6858000"/>
              <a:gd name="connsiteY5934" fmla="*/ 593713 h 6858000"/>
              <a:gd name="connsiteX5935" fmla="*/ 721494 w 6858000"/>
              <a:gd name="connsiteY5935" fmla="*/ 489469 h 6858000"/>
              <a:gd name="connsiteX5936" fmla="*/ 492895 w 6858000"/>
              <a:gd name="connsiteY5936" fmla="*/ 488210 h 6858000"/>
              <a:gd name="connsiteX5937" fmla="*/ 492895 w 6858000"/>
              <a:gd name="connsiteY5937" fmla="*/ 595047 h 6858000"/>
              <a:gd name="connsiteX5938" fmla="*/ 599732 w 6858000"/>
              <a:gd name="connsiteY5938" fmla="*/ 595047 h 6858000"/>
              <a:gd name="connsiteX5939" fmla="*/ 599732 w 6858000"/>
              <a:gd name="connsiteY5939" fmla="*/ 488210 h 6858000"/>
              <a:gd name="connsiteX5940" fmla="*/ 368949 w 6858000"/>
              <a:gd name="connsiteY5940" fmla="*/ 487320 h 6858000"/>
              <a:gd name="connsiteX5941" fmla="*/ 368949 w 6858000"/>
              <a:gd name="connsiteY5941" fmla="*/ 595897 h 6858000"/>
              <a:gd name="connsiteX5942" fmla="*/ 477527 w 6858000"/>
              <a:gd name="connsiteY5942" fmla="*/ 595897 h 6858000"/>
              <a:gd name="connsiteX5943" fmla="*/ 477527 w 6858000"/>
              <a:gd name="connsiteY5943" fmla="*/ 487320 h 6858000"/>
              <a:gd name="connsiteX5944" fmla="*/ 245262 w 6858000"/>
              <a:gd name="connsiteY5944" fmla="*/ 486691 h 6858000"/>
              <a:gd name="connsiteX5945" fmla="*/ 245262 w 6858000"/>
              <a:gd name="connsiteY5945" fmla="*/ 596565 h 6858000"/>
              <a:gd name="connsiteX5946" fmla="*/ 355136 w 6858000"/>
              <a:gd name="connsiteY5946" fmla="*/ 596565 h 6858000"/>
              <a:gd name="connsiteX5947" fmla="*/ 355136 w 6858000"/>
              <a:gd name="connsiteY5947" fmla="*/ 486691 h 6858000"/>
              <a:gd name="connsiteX5948" fmla="*/ 121761 w 6858000"/>
              <a:gd name="connsiteY5948" fmla="*/ 486209 h 6858000"/>
              <a:gd name="connsiteX5949" fmla="*/ 121761 w 6858000"/>
              <a:gd name="connsiteY5949" fmla="*/ 596972 h 6858000"/>
              <a:gd name="connsiteX5950" fmla="*/ 232524 w 6858000"/>
              <a:gd name="connsiteY5950" fmla="*/ 596972 h 6858000"/>
              <a:gd name="connsiteX5951" fmla="*/ 232524 w 6858000"/>
              <a:gd name="connsiteY5951" fmla="*/ 486209 h 6858000"/>
              <a:gd name="connsiteX5952" fmla="*/ 4237904 w 6858000"/>
              <a:gd name="connsiteY5952" fmla="*/ 418324 h 6858000"/>
              <a:gd name="connsiteX5953" fmla="*/ 4237904 w 6858000"/>
              <a:gd name="connsiteY5953" fmla="*/ 418768 h 6858000"/>
              <a:gd name="connsiteX5954" fmla="*/ 4238348 w 6858000"/>
              <a:gd name="connsiteY5954" fmla="*/ 418768 h 6858000"/>
              <a:gd name="connsiteX5955" fmla="*/ 4238348 w 6858000"/>
              <a:gd name="connsiteY5955" fmla="*/ 418324 h 6858000"/>
              <a:gd name="connsiteX5956" fmla="*/ 4114847 w 6858000"/>
              <a:gd name="connsiteY5956" fmla="*/ 418324 h 6858000"/>
              <a:gd name="connsiteX5957" fmla="*/ 4114847 w 6858000"/>
              <a:gd name="connsiteY5957" fmla="*/ 418769 h 6858000"/>
              <a:gd name="connsiteX5958" fmla="*/ 4115291 w 6858000"/>
              <a:gd name="connsiteY5958" fmla="*/ 418769 h 6858000"/>
              <a:gd name="connsiteX5959" fmla="*/ 4115291 w 6858000"/>
              <a:gd name="connsiteY5959" fmla="*/ 418324 h 6858000"/>
              <a:gd name="connsiteX5960" fmla="*/ 3991789 w 6858000"/>
              <a:gd name="connsiteY5960" fmla="*/ 418324 h 6858000"/>
              <a:gd name="connsiteX5961" fmla="*/ 3991789 w 6858000"/>
              <a:gd name="connsiteY5961" fmla="*/ 418769 h 6858000"/>
              <a:gd name="connsiteX5962" fmla="*/ 3992234 w 6858000"/>
              <a:gd name="connsiteY5962" fmla="*/ 418769 h 6858000"/>
              <a:gd name="connsiteX5963" fmla="*/ 3992234 w 6858000"/>
              <a:gd name="connsiteY5963" fmla="*/ 418324 h 6858000"/>
              <a:gd name="connsiteX5964" fmla="*/ 5714629 w 6858000"/>
              <a:gd name="connsiteY5964" fmla="*/ 418323 h 6858000"/>
              <a:gd name="connsiteX5965" fmla="*/ 5714629 w 6858000"/>
              <a:gd name="connsiteY5965" fmla="*/ 418768 h 6858000"/>
              <a:gd name="connsiteX5966" fmla="*/ 5715073 w 6858000"/>
              <a:gd name="connsiteY5966" fmla="*/ 418768 h 6858000"/>
              <a:gd name="connsiteX5967" fmla="*/ 5715073 w 6858000"/>
              <a:gd name="connsiteY5967" fmla="*/ 418323 h 6858000"/>
              <a:gd name="connsiteX5968" fmla="*/ 5591572 w 6858000"/>
              <a:gd name="connsiteY5968" fmla="*/ 418323 h 6858000"/>
              <a:gd name="connsiteX5969" fmla="*/ 5591572 w 6858000"/>
              <a:gd name="connsiteY5969" fmla="*/ 418768 h 6858000"/>
              <a:gd name="connsiteX5970" fmla="*/ 5592017 w 6858000"/>
              <a:gd name="connsiteY5970" fmla="*/ 418768 h 6858000"/>
              <a:gd name="connsiteX5971" fmla="*/ 5592017 w 6858000"/>
              <a:gd name="connsiteY5971" fmla="*/ 418323 h 6858000"/>
              <a:gd name="connsiteX5972" fmla="*/ 5468514 w 6858000"/>
              <a:gd name="connsiteY5972" fmla="*/ 418323 h 6858000"/>
              <a:gd name="connsiteX5973" fmla="*/ 5468514 w 6858000"/>
              <a:gd name="connsiteY5973" fmla="*/ 418768 h 6858000"/>
              <a:gd name="connsiteX5974" fmla="*/ 5468958 w 6858000"/>
              <a:gd name="connsiteY5974" fmla="*/ 418768 h 6858000"/>
              <a:gd name="connsiteX5975" fmla="*/ 5468958 w 6858000"/>
              <a:gd name="connsiteY5975" fmla="*/ 418323 h 6858000"/>
              <a:gd name="connsiteX5976" fmla="*/ 5345457 w 6858000"/>
              <a:gd name="connsiteY5976" fmla="*/ 418323 h 6858000"/>
              <a:gd name="connsiteX5977" fmla="*/ 5345457 w 6858000"/>
              <a:gd name="connsiteY5977" fmla="*/ 418768 h 6858000"/>
              <a:gd name="connsiteX5978" fmla="*/ 5345901 w 6858000"/>
              <a:gd name="connsiteY5978" fmla="*/ 418768 h 6858000"/>
              <a:gd name="connsiteX5979" fmla="*/ 5345901 w 6858000"/>
              <a:gd name="connsiteY5979" fmla="*/ 418323 h 6858000"/>
              <a:gd name="connsiteX5980" fmla="*/ 5222400 w 6858000"/>
              <a:gd name="connsiteY5980" fmla="*/ 418323 h 6858000"/>
              <a:gd name="connsiteX5981" fmla="*/ 5222400 w 6858000"/>
              <a:gd name="connsiteY5981" fmla="*/ 418768 h 6858000"/>
              <a:gd name="connsiteX5982" fmla="*/ 5222844 w 6858000"/>
              <a:gd name="connsiteY5982" fmla="*/ 418768 h 6858000"/>
              <a:gd name="connsiteX5983" fmla="*/ 5222844 w 6858000"/>
              <a:gd name="connsiteY5983" fmla="*/ 418323 h 6858000"/>
              <a:gd name="connsiteX5984" fmla="*/ 5099305 w 6858000"/>
              <a:gd name="connsiteY5984" fmla="*/ 418323 h 6858000"/>
              <a:gd name="connsiteX5985" fmla="*/ 5099305 w 6858000"/>
              <a:gd name="connsiteY5985" fmla="*/ 418768 h 6858000"/>
              <a:gd name="connsiteX5986" fmla="*/ 5099749 w 6858000"/>
              <a:gd name="connsiteY5986" fmla="*/ 418768 h 6858000"/>
              <a:gd name="connsiteX5987" fmla="*/ 5099749 w 6858000"/>
              <a:gd name="connsiteY5987" fmla="*/ 418323 h 6858000"/>
              <a:gd name="connsiteX5988" fmla="*/ 4976248 w 6858000"/>
              <a:gd name="connsiteY5988" fmla="*/ 418323 h 6858000"/>
              <a:gd name="connsiteX5989" fmla="*/ 4976248 w 6858000"/>
              <a:gd name="connsiteY5989" fmla="*/ 418768 h 6858000"/>
              <a:gd name="connsiteX5990" fmla="*/ 4976692 w 6858000"/>
              <a:gd name="connsiteY5990" fmla="*/ 418768 h 6858000"/>
              <a:gd name="connsiteX5991" fmla="*/ 4976692 w 6858000"/>
              <a:gd name="connsiteY5991" fmla="*/ 418323 h 6858000"/>
              <a:gd name="connsiteX5992" fmla="*/ 4853191 w 6858000"/>
              <a:gd name="connsiteY5992" fmla="*/ 418323 h 6858000"/>
              <a:gd name="connsiteX5993" fmla="*/ 4853191 w 6858000"/>
              <a:gd name="connsiteY5993" fmla="*/ 418768 h 6858000"/>
              <a:gd name="connsiteX5994" fmla="*/ 4853636 w 6858000"/>
              <a:gd name="connsiteY5994" fmla="*/ 418768 h 6858000"/>
              <a:gd name="connsiteX5995" fmla="*/ 4853636 w 6858000"/>
              <a:gd name="connsiteY5995" fmla="*/ 418323 h 6858000"/>
              <a:gd name="connsiteX5996" fmla="*/ 4730133 w 6858000"/>
              <a:gd name="connsiteY5996" fmla="*/ 418323 h 6858000"/>
              <a:gd name="connsiteX5997" fmla="*/ 4730133 w 6858000"/>
              <a:gd name="connsiteY5997" fmla="*/ 418768 h 6858000"/>
              <a:gd name="connsiteX5998" fmla="*/ 4730578 w 6858000"/>
              <a:gd name="connsiteY5998" fmla="*/ 418768 h 6858000"/>
              <a:gd name="connsiteX5999" fmla="*/ 4730578 w 6858000"/>
              <a:gd name="connsiteY5999" fmla="*/ 418323 h 6858000"/>
              <a:gd name="connsiteX6000" fmla="*/ 4360961 w 6858000"/>
              <a:gd name="connsiteY6000" fmla="*/ 418323 h 6858000"/>
              <a:gd name="connsiteX6001" fmla="*/ 4360961 w 6858000"/>
              <a:gd name="connsiteY6001" fmla="*/ 418768 h 6858000"/>
              <a:gd name="connsiteX6002" fmla="*/ 4361405 w 6858000"/>
              <a:gd name="connsiteY6002" fmla="*/ 418768 h 6858000"/>
              <a:gd name="connsiteX6003" fmla="*/ 4361405 w 6858000"/>
              <a:gd name="connsiteY6003" fmla="*/ 418323 h 6858000"/>
              <a:gd name="connsiteX6004" fmla="*/ 3868510 w 6858000"/>
              <a:gd name="connsiteY6004" fmla="*/ 418140 h 6858000"/>
              <a:gd name="connsiteX6005" fmla="*/ 3868510 w 6858000"/>
              <a:gd name="connsiteY6005" fmla="*/ 418992 h 6858000"/>
              <a:gd name="connsiteX6006" fmla="*/ 3869362 w 6858000"/>
              <a:gd name="connsiteY6006" fmla="*/ 418992 h 6858000"/>
              <a:gd name="connsiteX6007" fmla="*/ 3869362 w 6858000"/>
              <a:gd name="connsiteY6007" fmla="*/ 418140 h 6858000"/>
              <a:gd name="connsiteX6008" fmla="*/ 3745230 w 6858000"/>
              <a:gd name="connsiteY6008" fmla="*/ 417881 h 6858000"/>
              <a:gd name="connsiteX6009" fmla="*/ 3745230 w 6858000"/>
              <a:gd name="connsiteY6009" fmla="*/ 419177 h 6858000"/>
              <a:gd name="connsiteX6010" fmla="*/ 3746526 w 6858000"/>
              <a:gd name="connsiteY6010" fmla="*/ 419177 h 6858000"/>
              <a:gd name="connsiteX6011" fmla="*/ 3746526 w 6858000"/>
              <a:gd name="connsiteY6011" fmla="*/ 417881 h 6858000"/>
              <a:gd name="connsiteX6012" fmla="*/ 3621951 w 6858000"/>
              <a:gd name="connsiteY6012" fmla="*/ 417659 h 6858000"/>
              <a:gd name="connsiteX6013" fmla="*/ 3621951 w 6858000"/>
              <a:gd name="connsiteY6013" fmla="*/ 419399 h 6858000"/>
              <a:gd name="connsiteX6014" fmla="*/ 3623691 w 6858000"/>
              <a:gd name="connsiteY6014" fmla="*/ 419399 h 6858000"/>
              <a:gd name="connsiteX6015" fmla="*/ 3623691 w 6858000"/>
              <a:gd name="connsiteY6015" fmla="*/ 417659 h 6858000"/>
              <a:gd name="connsiteX6016" fmla="*/ 3498449 w 6858000"/>
              <a:gd name="connsiteY6016" fmla="*/ 417251 h 6858000"/>
              <a:gd name="connsiteX6017" fmla="*/ 3498449 w 6858000"/>
              <a:gd name="connsiteY6017" fmla="*/ 419843 h 6858000"/>
              <a:gd name="connsiteX6018" fmla="*/ 3501041 w 6858000"/>
              <a:gd name="connsiteY6018" fmla="*/ 419843 h 6858000"/>
              <a:gd name="connsiteX6019" fmla="*/ 3501041 w 6858000"/>
              <a:gd name="connsiteY6019" fmla="*/ 417251 h 6858000"/>
              <a:gd name="connsiteX6020" fmla="*/ 3374725 w 6858000"/>
              <a:gd name="connsiteY6020" fmla="*/ 416585 h 6858000"/>
              <a:gd name="connsiteX6021" fmla="*/ 3374725 w 6858000"/>
              <a:gd name="connsiteY6021" fmla="*/ 420510 h 6858000"/>
              <a:gd name="connsiteX6022" fmla="*/ 3378650 w 6858000"/>
              <a:gd name="connsiteY6022" fmla="*/ 420510 h 6858000"/>
              <a:gd name="connsiteX6023" fmla="*/ 3378650 w 6858000"/>
              <a:gd name="connsiteY6023" fmla="*/ 416585 h 6858000"/>
              <a:gd name="connsiteX6024" fmla="*/ 3251038 w 6858000"/>
              <a:gd name="connsiteY6024" fmla="*/ 415917 h 6858000"/>
              <a:gd name="connsiteX6025" fmla="*/ 3251038 w 6858000"/>
              <a:gd name="connsiteY6025" fmla="*/ 421139 h 6858000"/>
              <a:gd name="connsiteX6026" fmla="*/ 3256260 w 6858000"/>
              <a:gd name="connsiteY6026" fmla="*/ 421139 h 6858000"/>
              <a:gd name="connsiteX6027" fmla="*/ 3256260 w 6858000"/>
              <a:gd name="connsiteY6027" fmla="*/ 415917 h 6858000"/>
              <a:gd name="connsiteX6028" fmla="*/ 3127092 w 6858000"/>
              <a:gd name="connsiteY6028" fmla="*/ 415066 h 6858000"/>
              <a:gd name="connsiteX6029" fmla="*/ 3127092 w 6858000"/>
              <a:gd name="connsiteY6029" fmla="*/ 422028 h 6858000"/>
              <a:gd name="connsiteX6030" fmla="*/ 3134054 w 6858000"/>
              <a:gd name="connsiteY6030" fmla="*/ 422028 h 6858000"/>
              <a:gd name="connsiteX6031" fmla="*/ 3134054 w 6858000"/>
              <a:gd name="connsiteY6031" fmla="*/ 415066 h 6858000"/>
              <a:gd name="connsiteX6032" fmla="*/ 3002961 w 6858000"/>
              <a:gd name="connsiteY6032" fmla="*/ 413992 h 6858000"/>
              <a:gd name="connsiteX6033" fmla="*/ 3002961 w 6858000"/>
              <a:gd name="connsiteY6033" fmla="*/ 423102 h 6858000"/>
              <a:gd name="connsiteX6034" fmla="*/ 3012071 w 6858000"/>
              <a:gd name="connsiteY6034" fmla="*/ 423102 h 6858000"/>
              <a:gd name="connsiteX6035" fmla="*/ 3012071 w 6858000"/>
              <a:gd name="connsiteY6035" fmla="*/ 413992 h 6858000"/>
              <a:gd name="connsiteX6036" fmla="*/ 2878385 w 6858000"/>
              <a:gd name="connsiteY6036" fmla="*/ 412474 h 6858000"/>
              <a:gd name="connsiteX6037" fmla="*/ 2878385 w 6858000"/>
              <a:gd name="connsiteY6037" fmla="*/ 424620 h 6858000"/>
              <a:gd name="connsiteX6038" fmla="*/ 2890532 w 6858000"/>
              <a:gd name="connsiteY6038" fmla="*/ 424620 h 6858000"/>
              <a:gd name="connsiteX6039" fmla="*/ 2890532 w 6858000"/>
              <a:gd name="connsiteY6039" fmla="*/ 412474 h 6858000"/>
              <a:gd name="connsiteX6040" fmla="*/ 2753810 w 6858000"/>
              <a:gd name="connsiteY6040" fmla="*/ 410956 h 6858000"/>
              <a:gd name="connsiteX6041" fmla="*/ 2753810 w 6858000"/>
              <a:gd name="connsiteY6041" fmla="*/ 426139 h 6858000"/>
              <a:gd name="connsiteX6042" fmla="*/ 2768993 w 6858000"/>
              <a:gd name="connsiteY6042" fmla="*/ 426139 h 6858000"/>
              <a:gd name="connsiteX6043" fmla="*/ 2768993 w 6858000"/>
              <a:gd name="connsiteY6043" fmla="*/ 410956 h 6858000"/>
              <a:gd name="connsiteX6044" fmla="*/ 2629012 w 6858000"/>
              <a:gd name="connsiteY6044" fmla="*/ 409215 h 6858000"/>
              <a:gd name="connsiteX6045" fmla="*/ 2629012 w 6858000"/>
              <a:gd name="connsiteY6045" fmla="*/ 427879 h 6858000"/>
              <a:gd name="connsiteX6046" fmla="*/ 2647676 w 6858000"/>
              <a:gd name="connsiteY6046" fmla="*/ 427879 h 6858000"/>
              <a:gd name="connsiteX6047" fmla="*/ 2647676 w 6858000"/>
              <a:gd name="connsiteY6047" fmla="*/ 409215 h 6858000"/>
              <a:gd name="connsiteX6048" fmla="*/ 2503548 w 6858000"/>
              <a:gd name="connsiteY6048" fmla="*/ 406808 h 6858000"/>
              <a:gd name="connsiteX6049" fmla="*/ 2503548 w 6858000"/>
              <a:gd name="connsiteY6049" fmla="*/ 430249 h 6858000"/>
              <a:gd name="connsiteX6050" fmla="*/ 2526989 w 6858000"/>
              <a:gd name="connsiteY6050" fmla="*/ 430249 h 6858000"/>
              <a:gd name="connsiteX6051" fmla="*/ 2526989 w 6858000"/>
              <a:gd name="connsiteY6051" fmla="*/ 406808 h 6858000"/>
              <a:gd name="connsiteX6052" fmla="*/ 2378083 w 6858000"/>
              <a:gd name="connsiteY6052" fmla="*/ 404438 h 6858000"/>
              <a:gd name="connsiteX6053" fmla="*/ 2378083 w 6858000"/>
              <a:gd name="connsiteY6053" fmla="*/ 432657 h 6858000"/>
              <a:gd name="connsiteX6054" fmla="*/ 2406301 w 6858000"/>
              <a:gd name="connsiteY6054" fmla="*/ 432657 h 6858000"/>
              <a:gd name="connsiteX6055" fmla="*/ 2406301 w 6858000"/>
              <a:gd name="connsiteY6055" fmla="*/ 404438 h 6858000"/>
              <a:gd name="connsiteX6056" fmla="*/ 2252434 w 6858000"/>
              <a:gd name="connsiteY6056" fmla="*/ 401810 h 6858000"/>
              <a:gd name="connsiteX6057" fmla="*/ 2252434 w 6858000"/>
              <a:gd name="connsiteY6057" fmla="*/ 435249 h 6858000"/>
              <a:gd name="connsiteX6058" fmla="*/ 2285874 w 6858000"/>
              <a:gd name="connsiteY6058" fmla="*/ 435249 h 6858000"/>
              <a:gd name="connsiteX6059" fmla="*/ 2285874 w 6858000"/>
              <a:gd name="connsiteY6059" fmla="*/ 401810 h 6858000"/>
              <a:gd name="connsiteX6060" fmla="*/ 2126562 w 6858000"/>
              <a:gd name="connsiteY6060" fmla="*/ 398995 h 6858000"/>
              <a:gd name="connsiteX6061" fmla="*/ 2126562 w 6858000"/>
              <a:gd name="connsiteY6061" fmla="*/ 438101 h 6858000"/>
              <a:gd name="connsiteX6062" fmla="*/ 2165668 w 6858000"/>
              <a:gd name="connsiteY6062" fmla="*/ 438101 h 6858000"/>
              <a:gd name="connsiteX6063" fmla="*/ 2165668 w 6858000"/>
              <a:gd name="connsiteY6063" fmla="*/ 398995 h 6858000"/>
              <a:gd name="connsiteX6064" fmla="*/ 2000468 w 6858000"/>
              <a:gd name="connsiteY6064" fmla="*/ 395959 h 6858000"/>
              <a:gd name="connsiteX6065" fmla="*/ 2000468 w 6858000"/>
              <a:gd name="connsiteY6065" fmla="*/ 441138 h 6858000"/>
              <a:gd name="connsiteX6066" fmla="*/ 2045647 w 6858000"/>
              <a:gd name="connsiteY6066" fmla="*/ 441138 h 6858000"/>
              <a:gd name="connsiteX6067" fmla="*/ 2045647 w 6858000"/>
              <a:gd name="connsiteY6067" fmla="*/ 395959 h 6858000"/>
              <a:gd name="connsiteX6068" fmla="*/ 1874337 w 6858000"/>
              <a:gd name="connsiteY6068" fmla="*/ 392922 h 6858000"/>
              <a:gd name="connsiteX6069" fmla="*/ 1874337 w 6858000"/>
              <a:gd name="connsiteY6069" fmla="*/ 444174 h 6858000"/>
              <a:gd name="connsiteX6070" fmla="*/ 1925589 w 6858000"/>
              <a:gd name="connsiteY6070" fmla="*/ 444174 h 6858000"/>
              <a:gd name="connsiteX6071" fmla="*/ 1925589 w 6858000"/>
              <a:gd name="connsiteY6071" fmla="*/ 392922 h 6858000"/>
              <a:gd name="connsiteX6072" fmla="*/ 1748021 w 6858000"/>
              <a:gd name="connsiteY6072" fmla="*/ 389663 h 6858000"/>
              <a:gd name="connsiteX6073" fmla="*/ 1748021 w 6858000"/>
              <a:gd name="connsiteY6073" fmla="*/ 447433 h 6858000"/>
              <a:gd name="connsiteX6074" fmla="*/ 1805791 w 6858000"/>
              <a:gd name="connsiteY6074" fmla="*/ 447433 h 6858000"/>
              <a:gd name="connsiteX6075" fmla="*/ 1805791 w 6858000"/>
              <a:gd name="connsiteY6075" fmla="*/ 389663 h 6858000"/>
              <a:gd name="connsiteX6076" fmla="*/ 1621705 w 6858000"/>
              <a:gd name="connsiteY6076" fmla="*/ 386404 h 6858000"/>
              <a:gd name="connsiteX6077" fmla="*/ 1621705 w 6858000"/>
              <a:gd name="connsiteY6077" fmla="*/ 450692 h 6858000"/>
              <a:gd name="connsiteX6078" fmla="*/ 1685993 w 6858000"/>
              <a:gd name="connsiteY6078" fmla="*/ 450692 h 6858000"/>
              <a:gd name="connsiteX6079" fmla="*/ 1685993 w 6858000"/>
              <a:gd name="connsiteY6079" fmla="*/ 386404 h 6858000"/>
              <a:gd name="connsiteX6080" fmla="*/ 1495389 w 6858000"/>
              <a:gd name="connsiteY6080" fmla="*/ 383146 h 6858000"/>
              <a:gd name="connsiteX6081" fmla="*/ 1495389 w 6858000"/>
              <a:gd name="connsiteY6081" fmla="*/ 453951 h 6858000"/>
              <a:gd name="connsiteX6082" fmla="*/ 1566194 w 6858000"/>
              <a:gd name="connsiteY6082" fmla="*/ 453951 h 6858000"/>
              <a:gd name="connsiteX6083" fmla="*/ 1566194 w 6858000"/>
              <a:gd name="connsiteY6083" fmla="*/ 383146 h 6858000"/>
              <a:gd name="connsiteX6084" fmla="*/ 1369295 w 6858000"/>
              <a:gd name="connsiteY6084" fmla="*/ 380109 h 6858000"/>
              <a:gd name="connsiteX6085" fmla="*/ 1369295 w 6858000"/>
              <a:gd name="connsiteY6085" fmla="*/ 456987 h 6858000"/>
              <a:gd name="connsiteX6086" fmla="*/ 1446174 w 6858000"/>
              <a:gd name="connsiteY6086" fmla="*/ 456987 h 6858000"/>
              <a:gd name="connsiteX6087" fmla="*/ 1446174 w 6858000"/>
              <a:gd name="connsiteY6087" fmla="*/ 380109 h 6858000"/>
              <a:gd name="connsiteX6088" fmla="*/ 1243423 w 6858000"/>
              <a:gd name="connsiteY6088" fmla="*/ 377295 h 6858000"/>
              <a:gd name="connsiteX6089" fmla="*/ 1243423 w 6858000"/>
              <a:gd name="connsiteY6089" fmla="*/ 459802 h 6858000"/>
              <a:gd name="connsiteX6090" fmla="*/ 1325930 w 6858000"/>
              <a:gd name="connsiteY6090" fmla="*/ 459802 h 6858000"/>
              <a:gd name="connsiteX6091" fmla="*/ 1325930 w 6858000"/>
              <a:gd name="connsiteY6091" fmla="*/ 377295 h 6858000"/>
              <a:gd name="connsiteX6092" fmla="*/ 1117514 w 6858000"/>
              <a:gd name="connsiteY6092" fmla="*/ 374443 h 6858000"/>
              <a:gd name="connsiteX6093" fmla="*/ 1117514 w 6858000"/>
              <a:gd name="connsiteY6093" fmla="*/ 462616 h 6858000"/>
              <a:gd name="connsiteX6094" fmla="*/ 1205687 w 6858000"/>
              <a:gd name="connsiteY6094" fmla="*/ 462616 h 6858000"/>
              <a:gd name="connsiteX6095" fmla="*/ 1205687 w 6858000"/>
              <a:gd name="connsiteY6095" fmla="*/ 374443 h 6858000"/>
              <a:gd name="connsiteX6096" fmla="*/ 992087 w 6858000"/>
              <a:gd name="connsiteY6096" fmla="*/ 372073 h 6858000"/>
              <a:gd name="connsiteX6097" fmla="*/ 992087 w 6858000"/>
              <a:gd name="connsiteY6097" fmla="*/ 465023 h 6858000"/>
              <a:gd name="connsiteX6098" fmla="*/ 1085037 w 6858000"/>
              <a:gd name="connsiteY6098" fmla="*/ 465023 h 6858000"/>
              <a:gd name="connsiteX6099" fmla="*/ 1085037 w 6858000"/>
              <a:gd name="connsiteY6099" fmla="*/ 372073 h 6858000"/>
              <a:gd name="connsiteX6100" fmla="*/ 866844 w 6858000"/>
              <a:gd name="connsiteY6100" fmla="*/ 369889 h 6858000"/>
              <a:gd name="connsiteX6101" fmla="*/ 866844 w 6858000"/>
              <a:gd name="connsiteY6101" fmla="*/ 467171 h 6858000"/>
              <a:gd name="connsiteX6102" fmla="*/ 964127 w 6858000"/>
              <a:gd name="connsiteY6102" fmla="*/ 467171 h 6858000"/>
              <a:gd name="connsiteX6103" fmla="*/ 964127 w 6858000"/>
              <a:gd name="connsiteY6103" fmla="*/ 369889 h 6858000"/>
              <a:gd name="connsiteX6104" fmla="*/ 742047 w 6858000"/>
              <a:gd name="connsiteY6104" fmla="*/ 368149 h 6858000"/>
              <a:gd name="connsiteX6105" fmla="*/ 742047 w 6858000"/>
              <a:gd name="connsiteY6105" fmla="*/ 468912 h 6858000"/>
              <a:gd name="connsiteX6106" fmla="*/ 842811 w 6858000"/>
              <a:gd name="connsiteY6106" fmla="*/ 468912 h 6858000"/>
              <a:gd name="connsiteX6107" fmla="*/ 842811 w 6858000"/>
              <a:gd name="connsiteY6107" fmla="*/ 368149 h 6858000"/>
              <a:gd name="connsiteX6108" fmla="*/ 617471 w 6858000"/>
              <a:gd name="connsiteY6108" fmla="*/ 366630 h 6858000"/>
              <a:gd name="connsiteX6109" fmla="*/ 617471 w 6858000"/>
              <a:gd name="connsiteY6109" fmla="*/ 470430 h 6858000"/>
              <a:gd name="connsiteX6110" fmla="*/ 721272 w 6858000"/>
              <a:gd name="connsiteY6110" fmla="*/ 470430 h 6858000"/>
              <a:gd name="connsiteX6111" fmla="*/ 721272 w 6858000"/>
              <a:gd name="connsiteY6111" fmla="*/ 366630 h 6858000"/>
              <a:gd name="connsiteX6112" fmla="*/ 493118 w 6858000"/>
              <a:gd name="connsiteY6112" fmla="*/ 365371 h 6858000"/>
              <a:gd name="connsiteX6113" fmla="*/ 493118 w 6858000"/>
              <a:gd name="connsiteY6113" fmla="*/ 471764 h 6858000"/>
              <a:gd name="connsiteX6114" fmla="*/ 599511 w 6858000"/>
              <a:gd name="connsiteY6114" fmla="*/ 471764 h 6858000"/>
              <a:gd name="connsiteX6115" fmla="*/ 599511 w 6858000"/>
              <a:gd name="connsiteY6115" fmla="*/ 365371 h 6858000"/>
              <a:gd name="connsiteX6116" fmla="*/ 369171 w 6858000"/>
              <a:gd name="connsiteY6116" fmla="*/ 364483 h 6858000"/>
              <a:gd name="connsiteX6117" fmla="*/ 369171 w 6858000"/>
              <a:gd name="connsiteY6117" fmla="*/ 472615 h 6858000"/>
              <a:gd name="connsiteX6118" fmla="*/ 477304 w 6858000"/>
              <a:gd name="connsiteY6118" fmla="*/ 472615 h 6858000"/>
              <a:gd name="connsiteX6119" fmla="*/ 477304 w 6858000"/>
              <a:gd name="connsiteY6119" fmla="*/ 364483 h 6858000"/>
              <a:gd name="connsiteX6120" fmla="*/ 245485 w 6858000"/>
              <a:gd name="connsiteY6120" fmla="*/ 363816 h 6858000"/>
              <a:gd name="connsiteX6121" fmla="*/ 245485 w 6858000"/>
              <a:gd name="connsiteY6121" fmla="*/ 473283 h 6858000"/>
              <a:gd name="connsiteX6122" fmla="*/ 354952 w 6858000"/>
              <a:gd name="connsiteY6122" fmla="*/ 473283 h 6858000"/>
              <a:gd name="connsiteX6123" fmla="*/ 354952 w 6858000"/>
              <a:gd name="connsiteY6123" fmla="*/ 363816 h 6858000"/>
              <a:gd name="connsiteX6124" fmla="*/ 121983 w 6858000"/>
              <a:gd name="connsiteY6124" fmla="*/ 363372 h 6858000"/>
              <a:gd name="connsiteX6125" fmla="*/ 121983 w 6858000"/>
              <a:gd name="connsiteY6125" fmla="*/ 473690 h 6858000"/>
              <a:gd name="connsiteX6126" fmla="*/ 232301 w 6858000"/>
              <a:gd name="connsiteY6126" fmla="*/ 473690 h 6858000"/>
              <a:gd name="connsiteX6127" fmla="*/ 232301 w 6858000"/>
              <a:gd name="connsiteY6127" fmla="*/ 363372 h 6858000"/>
              <a:gd name="connsiteX6128" fmla="*/ 5468514 w 6858000"/>
              <a:gd name="connsiteY6128" fmla="*/ 295264 h 6858000"/>
              <a:gd name="connsiteX6129" fmla="*/ 5468514 w 6858000"/>
              <a:gd name="connsiteY6129" fmla="*/ 295708 h 6858000"/>
              <a:gd name="connsiteX6130" fmla="*/ 5468958 w 6858000"/>
              <a:gd name="connsiteY6130" fmla="*/ 295708 h 6858000"/>
              <a:gd name="connsiteX6131" fmla="*/ 5468958 w 6858000"/>
              <a:gd name="connsiteY6131" fmla="*/ 295264 h 6858000"/>
              <a:gd name="connsiteX6132" fmla="*/ 5345457 w 6858000"/>
              <a:gd name="connsiteY6132" fmla="*/ 295264 h 6858000"/>
              <a:gd name="connsiteX6133" fmla="*/ 5345457 w 6858000"/>
              <a:gd name="connsiteY6133" fmla="*/ 295708 h 6858000"/>
              <a:gd name="connsiteX6134" fmla="*/ 5345901 w 6858000"/>
              <a:gd name="connsiteY6134" fmla="*/ 295708 h 6858000"/>
              <a:gd name="connsiteX6135" fmla="*/ 5345901 w 6858000"/>
              <a:gd name="connsiteY6135" fmla="*/ 295264 h 6858000"/>
              <a:gd name="connsiteX6136" fmla="*/ 5222400 w 6858000"/>
              <a:gd name="connsiteY6136" fmla="*/ 295264 h 6858000"/>
              <a:gd name="connsiteX6137" fmla="*/ 5222400 w 6858000"/>
              <a:gd name="connsiteY6137" fmla="*/ 295708 h 6858000"/>
              <a:gd name="connsiteX6138" fmla="*/ 5222844 w 6858000"/>
              <a:gd name="connsiteY6138" fmla="*/ 295708 h 6858000"/>
              <a:gd name="connsiteX6139" fmla="*/ 5222844 w 6858000"/>
              <a:gd name="connsiteY6139" fmla="*/ 295264 h 6858000"/>
              <a:gd name="connsiteX6140" fmla="*/ 5099305 w 6858000"/>
              <a:gd name="connsiteY6140" fmla="*/ 295264 h 6858000"/>
              <a:gd name="connsiteX6141" fmla="*/ 5099305 w 6858000"/>
              <a:gd name="connsiteY6141" fmla="*/ 295708 h 6858000"/>
              <a:gd name="connsiteX6142" fmla="*/ 5099749 w 6858000"/>
              <a:gd name="connsiteY6142" fmla="*/ 295708 h 6858000"/>
              <a:gd name="connsiteX6143" fmla="*/ 5099749 w 6858000"/>
              <a:gd name="connsiteY6143" fmla="*/ 295264 h 6858000"/>
              <a:gd name="connsiteX6144" fmla="*/ 4976248 w 6858000"/>
              <a:gd name="connsiteY6144" fmla="*/ 295264 h 6858000"/>
              <a:gd name="connsiteX6145" fmla="*/ 4976248 w 6858000"/>
              <a:gd name="connsiteY6145" fmla="*/ 295708 h 6858000"/>
              <a:gd name="connsiteX6146" fmla="*/ 4976692 w 6858000"/>
              <a:gd name="connsiteY6146" fmla="*/ 295708 h 6858000"/>
              <a:gd name="connsiteX6147" fmla="*/ 4976692 w 6858000"/>
              <a:gd name="connsiteY6147" fmla="*/ 295264 h 6858000"/>
              <a:gd name="connsiteX6148" fmla="*/ 4853191 w 6858000"/>
              <a:gd name="connsiteY6148" fmla="*/ 295264 h 6858000"/>
              <a:gd name="connsiteX6149" fmla="*/ 4853191 w 6858000"/>
              <a:gd name="connsiteY6149" fmla="*/ 295708 h 6858000"/>
              <a:gd name="connsiteX6150" fmla="*/ 4853636 w 6858000"/>
              <a:gd name="connsiteY6150" fmla="*/ 295708 h 6858000"/>
              <a:gd name="connsiteX6151" fmla="*/ 4853636 w 6858000"/>
              <a:gd name="connsiteY6151" fmla="*/ 295264 h 6858000"/>
              <a:gd name="connsiteX6152" fmla="*/ 4730133 w 6858000"/>
              <a:gd name="connsiteY6152" fmla="*/ 295264 h 6858000"/>
              <a:gd name="connsiteX6153" fmla="*/ 4730133 w 6858000"/>
              <a:gd name="connsiteY6153" fmla="*/ 295708 h 6858000"/>
              <a:gd name="connsiteX6154" fmla="*/ 4730578 w 6858000"/>
              <a:gd name="connsiteY6154" fmla="*/ 295708 h 6858000"/>
              <a:gd name="connsiteX6155" fmla="*/ 4730578 w 6858000"/>
              <a:gd name="connsiteY6155" fmla="*/ 295264 h 6858000"/>
              <a:gd name="connsiteX6156" fmla="*/ 4360961 w 6858000"/>
              <a:gd name="connsiteY6156" fmla="*/ 295264 h 6858000"/>
              <a:gd name="connsiteX6157" fmla="*/ 4360961 w 6858000"/>
              <a:gd name="connsiteY6157" fmla="*/ 295708 h 6858000"/>
              <a:gd name="connsiteX6158" fmla="*/ 4361405 w 6858000"/>
              <a:gd name="connsiteY6158" fmla="*/ 295708 h 6858000"/>
              <a:gd name="connsiteX6159" fmla="*/ 4361405 w 6858000"/>
              <a:gd name="connsiteY6159" fmla="*/ 295264 h 6858000"/>
              <a:gd name="connsiteX6160" fmla="*/ 4237904 w 6858000"/>
              <a:gd name="connsiteY6160" fmla="*/ 295264 h 6858000"/>
              <a:gd name="connsiteX6161" fmla="*/ 4237904 w 6858000"/>
              <a:gd name="connsiteY6161" fmla="*/ 295708 h 6858000"/>
              <a:gd name="connsiteX6162" fmla="*/ 4238348 w 6858000"/>
              <a:gd name="connsiteY6162" fmla="*/ 295708 h 6858000"/>
              <a:gd name="connsiteX6163" fmla="*/ 4238348 w 6858000"/>
              <a:gd name="connsiteY6163" fmla="*/ 295264 h 6858000"/>
              <a:gd name="connsiteX6164" fmla="*/ 4114847 w 6858000"/>
              <a:gd name="connsiteY6164" fmla="*/ 295264 h 6858000"/>
              <a:gd name="connsiteX6165" fmla="*/ 4114847 w 6858000"/>
              <a:gd name="connsiteY6165" fmla="*/ 295708 h 6858000"/>
              <a:gd name="connsiteX6166" fmla="*/ 4115291 w 6858000"/>
              <a:gd name="connsiteY6166" fmla="*/ 295708 h 6858000"/>
              <a:gd name="connsiteX6167" fmla="*/ 4115291 w 6858000"/>
              <a:gd name="connsiteY6167" fmla="*/ 295264 h 6858000"/>
              <a:gd name="connsiteX6168" fmla="*/ 3991789 w 6858000"/>
              <a:gd name="connsiteY6168" fmla="*/ 295264 h 6858000"/>
              <a:gd name="connsiteX6169" fmla="*/ 3991789 w 6858000"/>
              <a:gd name="connsiteY6169" fmla="*/ 295708 h 6858000"/>
              <a:gd name="connsiteX6170" fmla="*/ 3992234 w 6858000"/>
              <a:gd name="connsiteY6170" fmla="*/ 295708 h 6858000"/>
              <a:gd name="connsiteX6171" fmla="*/ 3992234 w 6858000"/>
              <a:gd name="connsiteY6171" fmla="*/ 295264 h 6858000"/>
              <a:gd name="connsiteX6172" fmla="*/ 5714629 w 6858000"/>
              <a:gd name="connsiteY6172" fmla="*/ 295263 h 6858000"/>
              <a:gd name="connsiteX6173" fmla="*/ 5714629 w 6858000"/>
              <a:gd name="connsiteY6173" fmla="*/ 295707 h 6858000"/>
              <a:gd name="connsiteX6174" fmla="*/ 5715073 w 6858000"/>
              <a:gd name="connsiteY6174" fmla="*/ 295707 h 6858000"/>
              <a:gd name="connsiteX6175" fmla="*/ 5715073 w 6858000"/>
              <a:gd name="connsiteY6175" fmla="*/ 295263 h 6858000"/>
              <a:gd name="connsiteX6176" fmla="*/ 5591572 w 6858000"/>
              <a:gd name="connsiteY6176" fmla="*/ 295263 h 6858000"/>
              <a:gd name="connsiteX6177" fmla="*/ 5591572 w 6858000"/>
              <a:gd name="connsiteY6177" fmla="*/ 295707 h 6858000"/>
              <a:gd name="connsiteX6178" fmla="*/ 5592017 w 6858000"/>
              <a:gd name="connsiteY6178" fmla="*/ 295707 h 6858000"/>
              <a:gd name="connsiteX6179" fmla="*/ 5592017 w 6858000"/>
              <a:gd name="connsiteY6179" fmla="*/ 295263 h 6858000"/>
              <a:gd name="connsiteX6180" fmla="*/ 3868510 w 6858000"/>
              <a:gd name="connsiteY6180" fmla="*/ 295041 h 6858000"/>
              <a:gd name="connsiteX6181" fmla="*/ 3868510 w 6858000"/>
              <a:gd name="connsiteY6181" fmla="*/ 295893 h 6858000"/>
              <a:gd name="connsiteX6182" fmla="*/ 3869362 w 6858000"/>
              <a:gd name="connsiteY6182" fmla="*/ 295893 h 6858000"/>
              <a:gd name="connsiteX6183" fmla="*/ 3869362 w 6858000"/>
              <a:gd name="connsiteY6183" fmla="*/ 295041 h 6858000"/>
              <a:gd name="connsiteX6184" fmla="*/ 3745230 w 6858000"/>
              <a:gd name="connsiteY6184" fmla="*/ 294820 h 6858000"/>
              <a:gd name="connsiteX6185" fmla="*/ 3745230 w 6858000"/>
              <a:gd name="connsiteY6185" fmla="*/ 296115 h 6858000"/>
              <a:gd name="connsiteX6186" fmla="*/ 3746526 w 6858000"/>
              <a:gd name="connsiteY6186" fmla="*/ 296115 h 6858000"/>
              <a:gd name="connsiteX6187" fmla="*/ 3746526 w 6858000"/>
              <a:gd name="connsiteY6187" fmla="*/ 294820 h 6858000"/>
              <a:gd name="connsiteX6188" fmla="*/ 3621729 w 6858000"/>
              <a:gd name="connsiteY6188" fmla="*/ 294376 h 6858000"/>
              <a:gd name="connsiteX6189" fmla="*/ 3621729 w 6858000"/>
              <a:gd name="connsiteY6189" fmla="*/ 296561 h 6858000"/>
              <a:gd name="connsiteX6190" fmla="*/ 3623914 w 6858000"/>
              <a:gd name="connsiteY6190" fmla="*/ 296561 h 6858000"/>
              <a:gd name="connsiteX6191" fmla="*/ 3623914 w 6858000"/>
              <a:gd name="connsiteY6191" fmla="*/ 294376 h 6858000"/>
              <a:gd name="connsiteX6192" fmla="*/ 3498227 w 6858000"/>
              <a:gd name="connsiteY6192" fmla="*/ 293968 h 6858000"/>
              <a:gd name="connsiteX6193" fmla="*/ 3498227 w 6858000"/>
              <a:gd name="connsiteY6193" fmla="*/ 297005 h 6858000"/>
              <a:gd name="connsiteX6194" fmla="*/ 3501264 w 6858000"/>
              <a:gd name="connsiteY6194" fmla="*/ 297005 h 6858000"/>
              <a:gd name="connsiteX6195" fmla="*/ 3501264 w 6858000"/>
              <a:gd name="connsiteY6195" fmla="*/ 293968 h 6858000"/>
              <a:gd name="connsiteX6196" fmla="*/ 3374540 w 6858000"/>
              <a:gd name="connsiteY6196" fmla="*/ 293302 h 6858000"/>
              <a:gd name="connsiteX6197" fmla="*/ 3374540 w 6858000"/>
              <a:gd name="connsiteY6197" fmla="*/ 297635 h 6858000"/>
              <a:gd name="connsiteX6198" fmla="*/ 3378873 w 6858000"/>
              <a:gd name="connsiteY6198" fmla="*/ 297635 h 6858000"/>
              <a:gd name="connsiteX6199" fmla="*/ 3378873 w 6858000"/>
              <a:gd name="connsiteY6199" fmla="*/ 293302 h 6858000"/>
              <a:gd name="connsiteX6200" fmla="*/ 3250816 w 6858000"/>
              <a:gd name="connsiteY6200" fmla="*/ 292672 h 6858000"/>
              <a:gd name="connsiteX6201" fmla="*/ 3250816 w 6858000"/>
              <a:gd name="connsiteY6201" fmla="*/ 298301 h 6858000"/>
              <a:gd name="connsiteX6202" fmla="*/ 3256445 w 6858000"/>
              <a:gd name="connsiteY6202" fmla="*/ 298301 h 6858000"/>
              <a:gd name="connsiteX6203" fmla="*/ 3256445 w 6858000"/>
              <a:gd name="connsiteY6203" fmla="*/ 292672 h 6858000"/>
              <a:gd name="connsiteX6204" fmla="*/ 3126870 w 6858000"/>
              <a:gd name="connsiteY6204" fmla="*/ 291784 h 6858000"/>
              <a:gd name="connsiteX6205" fmla="*/ 3126870 w 6858000"/>
              <a:gd name="connsiteY6205" fmla="*/ 299153 h 6858000"/>
              <a:gd name="connsiteX6206" fmla="*/ 3134239 w 6858000"/>
              <a:gd name="connsiteY6206" fmla="*/ 299153 h 6858000"/>
              <a:gd name="connsiteX6207" fmla="*/ 3134239 w 6858000"/>
              <a:gd name="connsiteY6207" fmla="*/ 291784 h 6858000"/>
              <a:gd name="connsiteX6208" fmla="*/ 3002517 w 6858000"/>
              <a:gd name="connsiteY6208" fmla="*/ 290488 h 6858000"/>
              <a:gd name="connsiteX6209" fmla="*/ 3002517 w 6858000"/>
              <a:gd name="connsiteY6209" fmla="*/ 300486 h 6858000"/>
              <a:gd name="connsiteX6210" fmla="*/ 3012516 w 6858000"/>
              <a:gd name="connsiteY6210" fmla="*/ 300486 h 6858000"/>
              <a:gd name="connsiteX6211" fmla="*/ 3012516 w 6858000"/>
              <a:gd name="connsiteY6211" fmla="*/ 290488 h 6858000"/>
              <a:gd name="connsiteX6212" fmla="*/ 2878163 w 6858000"/>
              <a:gd name="connsiteY6212" fmla="*/ 289191 h 6858000"/>
              <a:gd name="connsiteX6213" fmla="*/ 2878163 w 6858000"/>
              <a:gd name="connsiteY6213" fmla="*/ 301782 h 6858000"/>
              <a:gd name="connsiteX6214" fmla="*/ 2890754 w 6858000"/>
              <a:gd name="connsiteY6214" fmla="*/ 301782 h 6858000"/>
              <a:gd name="connsiteX6215" fmla="*/ 2890754 w 6858000"/>
              <a:gd name="connsiteY6215" fmla="*/ 289191 h 6858000"/>
              <a:gd name="connsiteX6216" fmla="*/ 2753365 w 6858000"/>
              <a:gd name="connsiteY6216" fmla="*/ 287451 h 6858000"/>
              <a:gd name="connsiteX6217" fmla="*/ 2753365 w 6858000"/>
              <a:gd name="connsiteY6217" fmla="*/ 303523 h 6858000"/>
              <a:gd name="connsiteX6218" fmla="*/ 2769437 w 6858000"/>
              <a:gd name="connsiteY6218" fmla="*/ 303523 h 6858000"/>
              <a:gd name="connsiteX6219" fmla="*/ 2769437 w 6858000"/>
              <a:gd name="connsiteY6219" fmla="*/ 287451 h 6858000"/>
              <a:gd name="connsiteX6220" fmla="*/ 2628568 w 6858000"/>
              <a:gd name="connsiteY6220" fmla="*/ 285710 h 6858000"/>
              <a:gd name="connsiteX6221" fmla="*/ 2628568 w 6858000"/>
              <a:gd name="connsiteY6221" fmla="*/ 305263 h 6858000"/>
              <a:gd name="connsiteX6222" fmla="*/ 2648121 w 6858000"/>
              <a:gd name="connsiteY6222" fmla="*/ 305263 h 6858000"/>
              <a:gd name="connsiteX6223" fmla="*/ 2648121 w 6858000"/>
              <a:gd name="connsiteY6223" fmla="*/ 285710 h 6858000"/>
              <a:gd name="connsiteX6224" fmla="*/ 2503325 w 6858000"/>
              <a:gd name="connsiteY6224" fmla="*/ 283526 h 6858000"/>
              <a:gd name="connsiteX6225" fmla="*/ 2503325 w 6858000"/>
              <a:gd name="connsiteY6225" fmla="*/ 307411 h 6858000"/>
              <a:gd name="connsiteX6226" fmla="*/ 2527211 w 6858000"/>
              <a:gd name="connsiteY6226" fmla="*/ 307411 h 6858000"/>
              <a:gd name="connsiteX6227" fmla="*/ 2527211 w 6858000"/>
              <a:gd name="connsiteY6227" fmla="*/ 283526 h 6858000"/>
              <a:gd name="connsiteX6228" fmla="*/ 2377898 w 6858000"/>
              <a:gd name="connsiteY6228" fmla="*/ 281155 h 6858000"/>
              <a:gd name="connsiteX6229" fmla="*/ 2377898 w 6858000"/>
              <a:gd name="connsiteY6229" fmla="*/ 309818 h 6858000"/>
              <a:gd name="connsiteX6230" fmla="*/ 2406561 w 6858000"/>
              <a:gd name="connsiteY6230" fmla="*/ 309818 h 6858000"/>
              <a:gd name="connsiteX6231" fmla="*/ 2406561 w 6858000"/>
              <a:gd name="connsiteY6231" fmla="*/ 281155 h 6858000"/>
              <a:gd name="connsiteX6232" fmla="*/ 2252211 w 6858000"/>
              <a:gd name="connsiteY6232" fmla="*/ 278527 h 6858000"/>
              <a:gd name="connsiteX6233" fmla="*/ 2252211 w 6858000"/>
              <a:gd name="connsiteY6233" fmla="*/ 312410 h 6858000"/>
              <a:gd name="connsiteX6234" fmla="*/ 2286095 w 6858000"/>
              <a:gd name="connsiteY6234" fmla="*/ 312410 h 6858000"/>
              <a:gd name="connsiteX6235" fmla="*/ 2286095 w 6858000"/>
              <a:gd name="connsiteY6235" fmla="*/ 278527 h 6858000"/>
              <a:gd name="connsiteX6236" fmla="*/ 2126117 w 6858000"/>
              <a:gd name="connsiteY6236" fmla="*/ 275491 h 6858000"/>
              <a:gd name="connsiteX6237" fmla="*/ 2126117 w 6858000"/>
              <a:gd name="connsiteY6237" fmla="*/ 315448 h 6858000"/>
              <a:gd name="connsiteX6238" fmla="*/ 2166074 w 6858000"/>
              <a:gd name="connsiteY6238" fmla="*/ 315448 h 6858000"/>
              <a:gd name="connsiteX6239" fmla="*/ 2166074 w 6858000"/>
              <a:gd name="connsiteY6239" fmla="*/ 275491 h 6858000"/>
              <a:gd name="connsiteX6240" fmla="*/ 2000246 w 6858000"/>
              <a:gd name="connsiteY6240" fmla="*/ 272676 h 6858000"/>
              <a:gd name="connsiteX6241" fmla="*/ 2000246 w 6858000"/>
              <a:gd name="connsiteY6241" fmla="*/ 318263 h 6858000"/>
              <a:gd name="connsiteX6242" fmla="*/ 2045832 w 6858000"/>
              <a:gd name="connsiteY6242" fmla="*/ 318263 h 6858000"/>
              <a:gd name="connsiteX6243" fmla="*/ 2045832 w 6858000"/>
              <a:gd name="connsiteY6243" fmla="*/ 272676 h 6858000"/>
              <a:gd name="connsiteX6244" fmla="*/ 1874152 w 6858000"/>
              <a:gd name="connsiteY6244" fmla="*/ 269640 h 6858000"/>
              <a:gd name="connsiteX6245" fmla="*/ 1874152 w 6858000"/>
              <a:gd name="connsiteY6245" fmla="*/ 321336 h 6858000"/>
              <a:gd name="connsiteX6246" fmla="*/ 1925849 w 6858000"/>
              <a:gd name="connsiteY6246" fmla="*/ 321336 h 6858000"/>
              <a:gd name="connsiteX6247" fmla="*/ 1925849 w 6858000"/>
              <a:gd name="connsiteY6247" fmla="*/ 269640 h 6858000"/>
              <a:gd name="connsiteX6248" fmla="*/ 1747799 w 6858000"/>
              <a:gd name="connsiteY6248" fmla="*/ 266381 h 6858000"/>
              <a:gd name="connsiteX6249" fmla="*/ 1747799 w 6858000"/>
              <a:gd name="connsiteY6249" fmla="*/ 324595 h 6858000"/>
              <a:gd name="connsiteX6250" fmla="*/ 1806013 w 6858000"/>
              <a:gd name="connsiteY6250" fmla="*/ 324595 h 6858000"/>
              <a:gd name="connsiteX6251" fmla="*/ 1806013 w 6858000"/>
              <a:gd name="connsiteY6251" fmla="*/ 266381 h 6858000"/>
              <a:gd name="connsiteX6252" fmla="*/ 1621705 w 6858000"/>
              <a:gd name="connsiteY6252" fmla="*/ 263344 h 6858000"/>
              <a:gd name="connsiteX6253" fmla="*/ 1621705 w 6858000"/>
              <a:gd name="connsiteY6253" fmla="*/ 327632 h 6858000"/>
              <a:gd name="connsiteX6254" fmla="*/ 1685993 w 6858000"/>
              <a:gd name="connsiteY6254" fmla="*/ 327632 h 6858000"/>
              <a:gd name="connsiteX6255" fmla="*/ 1685993 w 6858000"/>
              <a:gd name="connsiteY6255" fmla="*/ 263344 h 6858000"/>
              <a:gd name="connsiteX6256" fmla="*/ 1495389 w 6858000"/>
              <a:gd name="connsiteY6256" fmla="*/ 260085 h 6858000"/>
              <a:gd name="connsiteX6257" fmla="*/ 1495389 w 6858000"/>
              <a:gd name="connsiteY6257" fmla="*/ 330890 h 6858000"/>
              <a:gd name="connsiteX6258" fmla="*/ 1566194 w 6858000"/>
              <a:gd name="connsiteY6258" fmla="*/ 330890 h 6858000"/>
              <a:gd name="connsiteX6259" fmla="*/ 1566194 w 6858000"/>
              <a:gd name="connsiteY6259" fmla="*/ 260085 h 6858000"/>
              <a:gd name="connsiteX6260" fmla="*/ 1369295 w 6858000"/>
              <a:gd name="connsiteY6260" fmla="*/ 257049 h 6858000"/>
              <a:gd name="connsiteX6261" fmla="*/ 1369295 w 6858000"/>
              <a:gd name="connsiteY6261" fmla="*/ 333927 h 6858000"/>
              <a:gd name="connsiteX6262" fmla="*/ 1446174 w 6858000"/>
              <a:gd name="connsiteY6262" fmla="*/ 333927 h 6858000"/>
              <a:gd name="connsiteX6263" fmla="*/ 1446174 w 6858000"/>
              <a:gd name="connsiteY6263" fmla="*/ 257049 h 6858000"/>
              <a:gd name="connsiteX6264" fmla="*/ 1243423 w 6858000"/>
              <a:gd name="connsiteY6264" fmla="*/ 254235 h 6858000"/>
              <a:gd name="connsiteX6265" fmla="*/ 1243423 w 6858000"/>
              <a:gd name="connsiteY6265" fmla="*/ 336742 h 6858000"/>
              <a:gd name="connsiteX6266" fmla="*/ 1325930 w 6858000"/>
              <a:gd name="connsiteY6266" fmla="*/ 336742 h 6858000"/>
              <a:gd name="connsiteX6267" fmla="*/ 1325930 w 6858000"/>
              <a:gd name="connsiteY6267" fmla="*/ 254235 h 6858000"/>
              <a:gd name="connsiteX6268" fmla="*/ 1117736 w 6858000"/>
              <a:gd name="connsiteY6268" fmla="*/ 251605 h 6858000"/>
              <a:gd name="connsiteX6269" fmla="*/ 1117736 w 6858000"/>
              <a:gd name="connsiteY6269" fmla="*/ 339334 h 6858000"/>
              <a:gd name="connsiteX6270" fmla="*/ 1205465 w 6858000"/>
              <a:gd name="connsiteY6270" fmla="*/ 339334 h 6858000"/>
              <a:gd name="connsiteX6271" fmla="*/ 1205465 w 6858000"/>
              <a:gd name="connsiteY6271" fmla="*/ 251605 h 6858000"/>
              <a:gd name="connsiteX6272" fmla="*/ 992309 w 6858000"/>
              <a:gd name="connsiteY6272" fmla="*/ 249235 h 6858000"/>
              <a:gd name="connsiteX6273" fmla="*/ 992309 w 6858000"/>
              <a:gd name="connsiteY6273" fmla="*/ 341741 h 6858000"/>
              <a:gd name="connsiteX6274" fmla="*/ 1084815 w 6858000"/>
              <a:gd name="connsiteY6274" fmla="*/ 341741 h 6858000"/>
              <a:gd name="connsiteX6275" fmla="*/ 1084815 w 6858000"/>
              <a:gd name="connsiteY6275" fmla="*/ 249235 h 6858000"/>
              <a:gd name="connsiteX6276" fmla="*/ 867067 w 6858000"/>
              <a:gd name="connsiteY6276" fmla="*/ 247050 h 6858000"/>
              <a:gd name="connsiteX6277" fmla="*/ 867067 w 6858000"/>
              <a:gd name="connsiteY6277" fmla="*/ 343889 h 6858000"/>
              <a:gd name="connsiteX6278" fmla="*/ 963906 w 6858000"/>
              <a:gd name="connsiteY6278" fmla="*/ 343889 h 6858000"/>
              <a:gd name="connsiteX6279" fmla="*/ 963906 w 6858000"/>
              <a:gd name="connsiteY6279" fmla="*/ 247050 h 6858000"/>
              <a:gd name="connsiteX6280" fmla="*/ 742269 w 6858000"/>
              <a:gd name="connsiteY6280" fmla="*/ 245309 h 6858000"/>
              <a:gd name="connsiteX6281" fmla="*/ 742269 w 6858000"/>
              <a:gd name="connsiteY6281" fmla="*/ 345629 h 6858000"/>
              <a:gd name="connsiteX6282" fmla="*/ 842589 w 6858000"/>
              <a:gd name="connsiteY6282" fmla="*/ 345629 h 6858000"/>
              <a:gd name="connsiteX6283" fmla="*/ 842589 w 6858000"/>
              <a:gd name="connsiteY6283" fmla="*/ 245309 h 6858000"/>
              <a:gd name="connsiteX6284" fmla="*/ 617693 w 6858000"/>
              <a:gd name="connsiteY6284" fmla="*/ 243793 h 6858000"/>
              <a:gd name="connsiteX6285" fmla="*/ 617693 w 6858000"/>
              <a:gd name="connsiteY6285" fmla="*/ 347148 h 6858000"/>
              <a:gd name="connsiteX6286" fmla="*/ 721049 w 6858000"/>
              <a:gd name="connsiteY6286" fmla="*/ 347148 h 6858000"/>
              <a:gd name="connsiteX6287" fmla="*/ 721049 w 6858000"/>
              <a:gd name="connsiteY6287" fmla="*/ 243793 h 6858000"/>
              <a:gd name="connsiteX6288" fmla="*/ 493340 w 6858000"/>
              <a:gd name="connsiteY6288" fmla="*/ 242496 h 6858000"/>
              <a:gd name="connsiteX6289" fmla="*/ 493340 w 6858000"/>
              <a:gd name="connsiteY6289" fmla="*/ 348482 h 6858000"/>
              <a:gd name="connsiteX6290" fmla="*/ 599326 w 6858000"/>
              <a:gd name="connsiteY6290" fmla="*/ 348482 h 6858000"/>
              <a:gd name="connsiteX6291" fmla="*/ 599326 w 6858000"/>
              <a:gd name="connsiteY6291" fmla="*/ 242496 h 6858000"/>
              <a:gd name="connsiteX6292" fmla="*/ 369394 w 6858000"/>
              <a:gd name="connsiteY6292" fmla="*/ 241607 h 6858000"/>
              <a:gd name="connsiteX6293" fmla="*/ 369394 w 6858000"/>
              <a:gd name="connsiteY6293" fmla="*/ 349332 h 6858000"/>
              <a:gd name="connsiteX6294" fmla="*/ 477120 w 6858000"/>
              <a:gd name="connsiteY6294" fmla="*/ 349332 h 6858000"/>
              <a:gd name="connsiteX6295" fmla="*/ 477120 w 6858000"/>
              <a:gd name="connsiteY6295" fmla="*/ 241607 h 6858000"/>
              <a:gd name="connsiteX6296" fmla="*/ 245485 w 6858000"/>
              <a:gd name="connsiteY6296" fmla="*/ 240755 h 6858000"/>
              <a:gd name="connsiteX6297" fmla="*/ 245485 w 6858000"/>
              <a:gd name="connsiteY6297" fmla="*/ 350222 h 6858000"/>
              <a:gd name="connsiteX6298" fmla="*/ 354952 w 6858000"/>
              <a:gd name="connsiteY6298" fmla="*/ 350222 h 6858000"/>
              <a:gd name="connsiteX6299" fmla="*/ 354952 w 6858000"/>
              <a:gd name="connsiteY6299" fmla="*/ 240755 h 6858000"/>
              <a:gd name="connsiteX6300" fmla="*/ 121983 w 6858000"/>
              <a:gd name="connsiteY6300" fmla="*/ 240312 h 6858000"/>
              <a:gd name="connsiteX6301" fmla="*/ 121983 w 6858000"/>
              <a:gd name="connsiteY6301" fmla="*/ 350630 h 6858000"/>
              <a:gd name="connsiteX6302" fmla="*/ 232301 w 6858000"/>
              <a:gd name="connsiteY6302" fmla="*/ 350630 h 6858000"/>
              <a:gd name="connsiteX6303" fmla="*/ 232301 w 6858000"/>
              <a:gd name="connsiteY6303" fmla="*/ 240312 h 6858000"/>
              <a:gd name="connsiteX6304" fmla="*/ 4484019 w 6858000"/>
              <a:gd name="connsiteY6304" fmla="*/ 172204 h 6858000"/>
              <a:gd name="connsiteX6305" fmla="*/ 4484019 w 6858000"/>
              <a:gd name="connsiteY6305" fmla="*/ 172648 h 6858000"/>
              <a:gd name="connsiteX6306" fmla="*/ 4484463 w 6858000"/>
              <a:gd name="connsiteY6306" fmla="*/ 172648 h 6858000"/>
              <a:gd name="connsiteX6307" fmla="*/ 4484463 w 6858000"/>
              <a:gd name="connsiteY6307" fmla="*/ 172204 h 6858000"/>
              <a:gd name="connsiteX6308" fmla="*/ 4360961 w 6858000"/>
              <a:gd name="connsiteY6308" fmla="*/ 172204 h 6858000"/>
              <a:gd name="connsiteX6309" fmla="*/ 4360961 w 6858000"/>
              <a:gd name="connsiteY6309" fmla="*/ 172648 h 6858000"/>
              <a:gd name="connsiteX6310" fmla="*/ 4361405 w 6858000"/>
              <a:gd name="connsiteY6310" fmla="*/ 172648 h 6858000"/>
              <a:gd name="connsiteX6311" fmla="*/ 4361405 w 6858000"/>
              <a:gd name="connsiteY6311" fmla="*/ 172204 h 6858000"/>
              <a:gd name="connsiteX6312" fmla="*/ 4237904 w 6858000"/>
              <a:gd name="connsiteY6312" fmla="*/ 172204 h 6858000"/>
              <a:gd name="connsiteX6313" fmla="*/ 4237904 w 6858000"/>
              <a:gd name="connsiteY6313" fmla="*/ 172648 h 6858000"/>
              <a:gd name="connsiteX6314" fmla="*/ 4238348 w 6858000"/>
              <a:gd name="connsiteY6314" fmla="*/ 172648 h 6858000"/>
              <a:gd name="connsiteX6315" fmla="*/ 4238348 w 6858000"/>
              <a:gd name="connsiteY6315" fmla="*/ 172204 h 6858000"/>
              <a:gd name="connsiteX6316" fmla="*/ 4114847 w 6858000"/>
              <a:gd name="connsiteY6316" fmla="*/ 172204 h 6858000"/>
              <a:gd name="connsiteX6317" fmla="*/ 4114847 w 6858000"/>
              <a:gd name="connsiteY6317" fmla="*/ 172648 h 6858000"/>
              <a:gd name="connsiteX6318" fmla="*/ 4115291 w 6858000"/>
              <a:gd name="connsiteY6318" fmla="*/ 172648 h 6858000"/>
              <a:gd name="connsiteX6319" fmla="*/ 4115291 w 6858000"/>
              <a:gd name="connsiteY6319" fmla="*/ 172204 h 6858000"/>
              <a:gd name="connsiteX6320" fmla="*/ 5714629 w 6858000"/>
              <a:gd name="connsiteY6320" fmla="*/ 172203 h 6858000"/>
              <a:gd name="connsiteX6321" fmla="*/ 5714629 w 6858000"/>
              <a:gd name="connsiteY6321" fmla="*/ 172647 h 6858000"/>
              <a:gd name="connsiteX6322" fmla="*/ 5715073 w 6858000"/>
              <a:gd name="connsiteY6322" fmla="*/ 172647 h 6858000"/>
              <a:gd name="connsiteX6323" fmla="*/ 5715073 w 6858000"/>
              <a:gd name="connsiteY6323" fmla="*/ 172203 h 6858000"/>
              <a:gd name="connsiteX6324" fmla="*/ 5591572 w 6858000"/>
              <a:gd name="connsiteY6324" fmla="*/ 172203 h 6858000"/>
              <a:gd name="connsiteX6325" fmla="*/ 5591572 w 6858000"/>
              <a:gd name="connsiteY6325" fmla="*/ 172647 h 6858000"/>
              <a:gd name="connsiteX6326" fmla="*/ 5592017 w 6858000"/>
              <a:gd name="connsiteY6326" fmla="*/ 172647 h 6858000"/>
              <a:gd name="connsiteX6327" fmla="*/ 5592017 w 6858000"/>
              <a:gd name="connsiteY6327" fmla="*/ 172203 h 6858000"/>
              <a:gd name="connsiteX6328" fmla="*/ 5468514 w 6858000"/>
              <a:gd name="connsiteY6328" fmla="*/ 172203 h 6858000"/>
              <a:gd name="connsiteX6329" fmla="*/ 5468514 w 6858000"/>
              <a:gd name="connsiteY6329" fmla="*/ 172647 h 6858000"/>
              <a:gd name="connsiteX6330" fmla="*/ 5468958 w 6858000"/>
              <a:gd name="connsiteY6330" fmla="*/ 172647 h 6858000"/>
              <a:gd name="connsiteX6331" fmla="*/ 5468958 w 6858000"/>
              <a:gd name="connsiteY6331" fmla="*/ 172203 h 6858000"/>
              <a:gd name="connsiteX6332" fmla="*/ 5345457 w 6858000"/>
              <a:gd name="connsiteY6332" fmla="*/ 172203 h 6858000"/>
              <a:gd name="connsiteX6333" fmla="*/ 5345457 w 6858000"/>
              <a:gd name="connsiteY6333" fmla="*/ 172647 h 6858000"/>
              <a:gd name="connsiteX6334" fmla="*/ 5345901 w 6858000"/>
              <a:gd name="connsiteY6334" fmla="*/ 172647 h 6858000"/>
              <a:gd name="connsiteX6335" fmla="*/ 5345901 w 6858000"/>
              <a:gd name="connsiteY6335" fmla="*/ 172203 h 6858000"/>
              <a:gd name="connsiteX6336" fmla="*/ 5222400 w 6858000"/>
              <a:gd name="connsiteY6336" fmla="*/ 172203 h 6858000"/>
              <a:gd name="connsiteX6337" fmla="*/ 5222400 w 6858000"/>
              <a:gd name="connsiteY6337" fmla="*/ 172647 h 6858000"/>
              <a:gd name="connsiteX6338" fmla="*/ 5222844 w 6858000"/>
              <a:gd name="connsiteY6338" fmla="*/ 172647 h 6858000"/>
              <a:gd name="connsiteX6339" fmla="*/ 5222844 w 6858000"/>
              <a:gd name="connsiteY6339" fmla="*/ 172203 h 6858000"/>
              <a:gd name="connsiteX6340" fmla="*/ 5099305 w 6858000"/>
              <a:gd name="connsiteY6340" fmla="*/ 172203 h 6858000"/>
              <a:gd name="connsiteX6341" fmla="*/ 5099305 w 6858000"/>
              <a:gd name="connsiteY6341" fmla="*/ 172647 h 6858000"/>
              <a:gd name="connsiteX6342" fmla="*/ 5099749 w 6858000"/>
              <a:gd name="connsiteY6342" fmla="*/ 172647 h 6858000"/>
              <a:gd name="connsiteX6343" fmla="*/ 5099749 w 6858000"/>
              <a:gd name="connsiteY6343" fmla="*/ 172203 h 6858000"/>
              <a:gd name="connsiteX6344" fmla="*/ 4976248 w 6858000"/>
              <a:gd name="connsiteY6344" fmla="*/ 172203 h 6858000"/>
              <a:gd name="connsiteX6345" fmla="*/ 4976248 w 6858000"/>
              <a:gd name="connsiteY6345" fmla="*/ 172647 h 6858000"/>
              <a:gd name="connsiteX6346" fmla="*/ 4976692 w 6858000"/>
              <a:gd name="connsiteY6346" fmla="*/ 172647 h 6858000"/>
              <a:gd name="connsiteX6347" fmla="*/ 4976692 w 6858000"/>
              <a:gd name="connsiteY6347" fmla="*/ 172203 h 6858000"/>
              <a:gd name="connsiteX6348" fmla="*/ 4853191 w 6858000"/>
              <a:gd name="connsiteY6348" fmla="*/ 172203 h 6858000"/>
              <a:gd name="connsiteX6349" fmla="*/ 4853191 w 6858000"/>
              <a:gd name="connsiteY6349" fmla="*/ 172647 h 6858000"/>
              <a:gd name="connsiteX6350" fmla="*/ 4853636 w 6858000"/>
              <a:gd name="connsiteY6350" fmla="*/ 172647 h 6858000"/>
              <a:gd name="connsiteX6351" fmla="*/ 4853636 w 6858000"/>
              <a:gd name="connsiteY6351" fmla="*/ 172203 h 6858000"/>
              <a:gd name="connsiteX6352" fmla="*/ 4730133 w 6858000"/>
              <a:gd name="connsiteY6352" fmla="*/ 172203 h 6858000"/>
              <a:gd name="connsiteX6353" fmla="*/ 4730133 w 6858000"/>
              <a:gd name="connsiteY6353" fmla="*/ 172648 h 6858000"/>
              <a:gd name="connsiteX6354" fmla="*/ 4730578 w 6858000"/>
              <a:gd name="connsiteY6354" fmla="*/ 172648 h 6858000"/>
              <a:gd name="connsiteX6355" fmla="*/ 4730578 w 6858000"/>
              <a:gd name="connsiteY6355" fmla="*/ 172203 h 6858000"/>
              <a:gd name="connsiteX6356" fmla="*/ 3991567 w 6858000"/>
              <a:gd name="connsiteY6356" fmla="*/ 171981 h 6858000"/>
              <a:gd name="connsiteX6357" fmla="*/ 3991567 w 6858000"/>
              <a:gd name="connsiteY6357" fmla="*/ 172833 h 6858000"/>
              <a:gd name="connsiteX6358" fmla="*/ 3992419 w 6858000"/>
              <a:gd name="connsiteY6358" fmla="*/ 172833 h 6858000"/>
              <a:gd name="connsiteX6359" fmla="*/ 3992419 w 6858000"/>
              <a:gd name="connsiteY6359" fmla="*/ 171981 h 6858000"/>
              <a:gd name="connsiteX6360" fmla="*/ 3868510 w 6858000"/>
              <a:gd name="connsiteY6360" fmla="*/ 171981 h 6858000"/>
              <a:gd name="connsiteX6361" fmla="*/ 3868510 w 6858000"/>
              <a:gd name="connsiteY6361" fmla="*/ 172833 h 6858000"/>
              <a:gd name="connsiteX6362" fmla="*/ 3869362 w 6858000"/>
              <a:gd name="connsiteY6362" fmla="*/ 172833 h 6858000"/>
              <a:gd name="connsiteX6363" fmla="*/ 3869362 w 6858000"/>
              <a:gd name="connsiteY6363" fmla="*/ 171981 h 6858000"/>
              <a:gd name="connsiteX6364" fmla="*/ 3745230 w 6858000"/>
              <a:gd name="connsiteY6364" fmla="*/ 171759 h 6858000"/>
              <a:gd name="connsiteX6365" fmla="*/ 3745230 w 6858000"/>
              <a:gd name="connsiteY6365" fmla="*/ 173055 h 6858000"/>
              <a:gd name="connsiteX6366" fmla="*/ 3746526 w 6858000"/>
              <a:gd name="connsiteY6366" fmla="*/ 173055 h 6858000"/>
              <a:gd name="connsiteX6367" fmla="*/ 3746526 w 6858000"/>
              <a:gd name="connsiteY6367" fmla="*/ 171759 h 6858000"/>
              <a:gd name="connsiteX6368" fmla="*/ 3621729 w 6858000"/>
              <a:gd name="connsiteY6368" fmla="*/ 171314 h 6858000"/>
              <a:gd name="connsiteX6369" fmla="*/ 3621729 w 6858000"/>
              <a:gd name="connsiteY6369" fmla="*/ 173499 h 6858000"/>
              <a:gd name="connsiteX6370" fmla="*/ 3623914 w 6858000"/>
              <a:gd name="connsiteY6370" fmla="*/ 173499 h 6858000"/>
              <a:gd name="connsiteX6371" fmla="*/ 3623914 w 6858000"/>
              <a:gd name="connsiteY6371" fmla="*/ 171314 h 6858000"/>
              <a:gd name="connsiteX6372" fmla="*/ 3498227 w 6858000"/>
              <a:gd name="connsiteY6372" fmla="*/ 170907 h 6858000"/>
              <a:gd name="connsiteX6373" fmla="*/ 3498227 w 6858000"/>
              <a:gd name="connsiteY6373" fmla="*/ 173944 h 6858000"/>
              <a:gd name="connsiteX6374" fmla="*/ 3501264 w 6858000"/>
              <a:gd name="connsiteY6374" fmla="*/ 173944 h 6858000"/>
              <a:gd name="connsiteX6375" fmla="*/ 3501264 w 6858000"/>
              <a:gd name="connsiteY6375" fmla="*/ 170907 h 6858000"/>
              <a:gd name="connsiteX6376" fmla="*/ 3374540 w 6858000"/>
              <a:gd name="connsiteY6376" fmla="*/ 170240 h 6858000"/>
              <a:gd name="connsiteX6377" fmla="*/ 3374540 w 6858000"/>
              <a:gd name="connsiteY6377" fmla="*/ 174573 h 6858000"/>
              <a:gd name="connsiteX6378" fmla="*/ 3378873 w 6858000"/>
              <a:gd name="connsiteY6378" fmla="*/ 174573 h 6858000"/>
              <a:gd name="connsiteX6379" fmla="*/ 3378873 w 6858000"/>
              <a:gd name="connsiteY6379" fmla="*/ 170240 h 6858000"/>
              <a:gd name="connsiteX6380" fmla="*/ 3250594 w 6858000"/>
              <a:gd name="connsiteY6380" fmla="*/ 169389 h 6858000"/>
              <a:gd name="connsiteX6381" fmla="*/ 3250594 w 6858000"/>
              <a:gd name="connsiteY6381" fmla="*/ 175462 h 6858000"/>
              <a:gd name="connsiteX6382" fmla="*/ 3256667 w 6858000"/>
              <a:gd name="connsiteY6382" fmla="*/ 175462 h 6858000"/>
              <a:gd name="connsiteX6383" fmla="*/ 3256667 w 6858000"/>
              <a:gd name="connsiteY6383" fmla="*/ 169389 h 6858000"/>
              <a:gd name="connsiteX6384" fmla="*/ 3126685 w 6858000"/>
              <a:gd name="connsiteY6384" fmla="*/ 168500 h 6858000"/>
              <a:gd name="connsiteX6385" fmla="*/ 3126685 w 6858000"/>
              <a:gd name="connsiteY6385" fmla="*/ 176314 h 6858000"/>
              <a:gd name="connsiteX6386" fmla="*/ 3134499 w 6858000"/>
              <a:gd name="connsiteY6386" fmla="*/ 176314 h 6858000"/>
              <a:gd name="connsiteX6387" fmla="*/ 3134499 w 6858000"/>
              <a:gd name="connsiteY6387" fmla="*/ 168500 h 6858000"/>
              <a:gd name="connsiteX6388" fmla="*/ 3002295 w 6858000"/>
              <a:gd name="connsiteY6388" fmla="*/ 167205 h 6858000"/>
              <a:gd name="connsiteX6389" fmla="*/ 3002295 w 6858000"/>
              <a:gd name="connsiteY6389" fmla="*/ 177611 h 6858000"/>
              <a:gd name="connsiteX6390" fmla="*/ 3012701 w 6858000"/>
              <a:gd name="connsiteY6390" fmla="*/ 177611 h 6858000"/>
              <a:gd name="connsiteX6391" fmla="*/ 3012701 w 6858000"/>
              <a:gd name="connsiteY6391" fmla="*/ 167205 h 6858000"/>
              <a:gd name="connsiteX6392" fmla="*/ 2877941 w 6858000"/>
              <a:gd name="connsiteY6392" fmla="*/ 165908 h 6858000"/>
              <a:gd name="connsiteX6393" fmla="*/ 2877941 w 6858000"/>
              <a:gd name="connsiteY6393" fmla="*/ 178944 h 6858000"/>
              <a:gd name="connsiteX6394" fmla="*/ 2890976 w 6858000"/>
              <a:gd name="connsiteY6394" fmla="*/ 178944 h 6858000"/>
              <a:gd name="connsiteX6395" fmla="*/ 2890976 w 6858000"/>
              <a:gd name="connsiteY6395" fmla="*/ 165908 h 6858000"/>
              <a:gd name="connsiteX6396" fmla="*/ 2753143 w 6858000"/>
              <a:gd name="connsiteY6396" fmla="*/ 164169 h 6858000"/>
              <a:gd name="connsiteX6397" fmla="*/ 2753143 w 6858000"/>
              <a:gd name="connsiteY6397" fmla="*/ 180685 h 6858000"/>
              <a:gd name="connsiteX6398" fmla="*/ 2769659 w 6858000"/>
              <a:gd name="connsiteY6398" fmla="*/ 180685 h 6858000"/>
              <a:gd name="connsiteX6399" fmla="*/ 2769659 w 6858000"/>
              <a:gd name="connsiteY6399" fmla="*/ 164169 h 6858000"/>
              <a:gd name="connsiteX6400" fmla="*/ 2628123 w 6858000"/>
              <a:gd name="connsiteY6400" fmla="*/ 162206 h 6858000"/>
              <a:gd name="connsiteX6401" fmla="*/ 2628123 w 6858000"/>
              <a:gd name="connsiteY6401" fmla="*/ 182610 h 6858000"/>
              <a:gd name="connsiteX6402" fmla="*/ 2648528 w 6858000"/>
              <a:gd name="connsiteY6402" fmla="*/ 182610 h 6858000"/>
              <a:gd name="connsiteX6403" fmla="*/ 2648528 w 6858000"/>
              <a:gd name="connsiteY6403" fmla="*/ 162206 h 6858000"/>
              <a:gd name="connsiteX6404" fmla="*/ 2502881 w 6858000"/>
              <a:gd name="connsiteY6404" fmla="*/ 160021 h 6858000"/>
              <a:gd name="connsiteX6405" fmla="*/ 2502881 w 6858000"/>
              <a:gd name="connsiteY6405" fmla="*/ 184795 h 6858000"/>
              <a:gd name="connsiteX6406" fmla="*/ 2527655 w 6858000"/>
              <a:gd name="connsiteY6406" fmla="*/ 184795 h 6858000"/>
              <a:gd name="connsiteX6407" fmla="*/ 2527655 w 6858000"/>
              <a:gd name="connsiteY6407" fmla="*/ 160021 h 6858000"/>
              <a:gd name="connsiteX6408" fmla="*/ 2377454 w 6858000"/>
              <a:gd name="connsiteY6408" fmla="*/ 157614 h 6858000"/>
              <a:gd name="connsiteX6409" fmla="*/ 2377454 w 6858000"/>
              <a:gd name="connsiteY6409" fmla="*/ 187165 h 6858000"/>
              <a:gd name="connsiteX6410" fmla="*/ 2407005 w 6858000"/>
              <a:gd name="connsiteY6410" fmla="*/ 187165 h 6858000"/>
              <a:gd name="connsiteX6411" fmla="*/ 2407005 w 6858000"/>
              <a:gd name="connsiteY6411" fmla="*/ 157614 h 6858000"/>
              <a:gd name="connsiteX6412" fmla="*/ 2251767 w 6858000"/>
              <a:gd name="connsiteY6412" fmla="*/ 155059 h 6858000"/>
              <a:gd name="connsiteX6413" fmla="*/ 2251767 w 6858000"/>
              <a:gd name="connsiteY6413" fmla="*/ 189795 h 6858000"/>
              <a:gd name="connsiteX6414" fmla="*/ 2286503 w 6858000"/>
              <a:gd name="connsiteY6414" fmla="*/ 189795 h 6858000"/>
              <a:gd name="connsiteX6415" fmla="*/ 2286503 w 6858000"/>
              <a:gd name="connsiteY6415" fmla="*/ 155059 h 6858000"/>
              <a:gd name="connsiteX6416" fmla="*/ 2125895 w 6858000"/>
              <a:gd name="connsiteY6416" fmla="*/ 152207 h 6858000"/>
              <a:gd name="connsiteX6417" fmla="*/ 2125895 w 6858000"/>
              <a:gd name="connsiteY6417" fmla="*/ 192609 h 6858000"/>
              <a:gd name="connsiteX6418" fmla="*/ 2166297 w 6858000"/>
              <a:gd name="connsiteY6418" fmla="*/ 192609 h 6858000"/>
              <a:gd name="connsiteX6419" fmla="*/ 2166297 w 6858000"/>
              <a:gd name="connsiteY6419" fmla="*/ 152207 h 6858000"/>
              <a:gd name="connsiteX6420" fmla="*/ 2000024 w 6858000"/>
              <a:gd name="connsiteY6420" fmla="*/ 149392 h 6858000"/>
              <a:gd name="connsiteX6421" fmla="*/ 2000024 w 6858000"/>
              <a:gd name="connsiteY6421" fmla="*/ 195423 h 6858000"/>
              <a:gd name="connsiteX6422" fmla="*/ 2046055 w 6858000"/>
              <a:gd name="connsiteY6422" fmla="*/ 195423 h 6858000"/>
              <a:gd name="connsiteX6423" fmla="*/ 2046055 w 6858000"/>
              <a:gd name="connsiteY6423" fmla="*/ 149392 h 6858000"/>
              <a:gd name="connsiteX6424" fmla="*/ 1873930 w 6858000"/>
              <a:gd name="connsiteY6424" fmla="*/ 146356 h 6858000"/>
              <a:gd name="connsiteX6425" fmla="*/ 1873930 w 6858000"/>
              <a:gd name="connsiteY6425" fmla="*/ 198460 h 6858000"/>
              <a:gd name="connsiteX6426" fmla="*/ 1926034 w 6858000"/>
              <a:gd name="connsiteY6426" fmla="*/ 198460 h 6858000"/>
              <a:gd name="connsiteX6427" fmla="*/ 1926034 w 6858000"/>
              <a:gd name="connsiteY6427" fmla="*/ 146356 h 6858000"/>
              <a:gd name="connsiteX6428" fmla="*/ 1747799 w 6858000"/>
              <a:gd name="connsiteY6428" fmla="*/ 143283 h 6858000"/>
              <a:gd name="connsiteX6429" fmla="*/ 1747799 w 6858000"/>
              <a:gd name="connsiteY6429" fmla="*/ 201497 h 6858000"/>
              <a:gd name="connsiteX6430" fmla="*/ 1806013 w 6858000"/>
              <a:gd name="connsiteY6430" fmla="*/ 201497 h 6858000"/>
              <a:gd name="connsiteX6431" fmla="*/ 1806013 w 6858000"/>
              <a:gd name="connsiteY6431" fmla="*/ 143283 h 6858000"/>
              <a:gd name="connsiteX6432" fmla="*/ 1621482 w 6858000"/>
              <a:gd name="connsiteY6432" fmla="*/ 140023 h 6858000"/>
              <a:gd name="connsiteX6433" fmla="*/ 1621482 w 6858000"/>
              <a:gd name="connsiteY6433" fmla="*/ 204755 h 6858000"/>
              <a:gd name="connsiteX6434" fmla="*/ 1686214 w 6858000"/>
              <a:gd name="connsiteY6434" fmla="*/ 204755 h 6858000"/>
              <a:gd name="connsiteX6435" fmla="*/ 1686214 w 6858000"/>
              <a:gd name="connsiteY6435" fmla="*/ 140023 h 6858000"/>
              <a:gd name="connsiteX6436" fmla="*/ 1495389 w 6858000"/>
              <a:gd name="connsiteY6436" fmla="*/ 137025 h 6858000"/>
              <a:gd name="connsiteX6437" fmla="*/ 1495389 w 6858000"/>
              <a:gd name="connsiteY6437" fmla="*/ 207829 h 6858000"/>
              <a:gd name="connsiteX6438" fmla="*/ 1566194 w 6858000"/>
              <a:gd name="connsiteY6438" fmla="*/ 207829 h 6858000"/>
              <a:gd name="connsiteX6439" fmla="*/ 1566194 w 6858000"/>
              <a:gd name="connsiteY6439" fmla="*/ 137025 h 6858000"/>
              <a:gd name="connsiteX6440" fmla="*/ 1369517 w 6858000"/>
              <a:gd name="connsiteY6440" fmla="*/ 134211 h 6858000"/>
              <a:gd name="connsiteX6441" fmla="*/ 1369517 w 6858000"/>
              <a:gd name="connsiteY6441" fmla="*/ 210645 h 6858000"/>
              <a:gd name="connsiteX6442" fmla="*/ 1445951 w 6858000"/>
              <a:gd name="connsiteY6442" fmla="*/ 210645 h 6858000"/>
              <a:gd name="connsiteX6443" fmla="*/ 1445951 w 6858000"/>
              <a:gd name="connsiteY6443" fmla="*/ 134211 h 6858000"/>
              <a:gd name="connsiteX6444" fmla="*/ 1243645 w 6858000"/>
              <a:gd name="connsiteY6444" fmla="*/ 131359 h 6858000"/>
              <a:gd name="connsiteX6445" fmla="*/ 1243645 w 6858000"/>
              <a:gd name="connsiteY6445" fmla="*/ 213459 h 6858000"/>
              <a:gd name="connsiteX6446" fmla="*/ 1325745 w 6858000"/>
              <a:gd name="connsiteY6446" fmla="*/ 213459 h 6858000"/>
              <a:gd name="connsiteX6447" fmla="*/ 1325745 w 6858000"/>
              <a:gd name="connsiteY6447" fmla="*/ 131359 h 6858000"/>
              <a:gd name="connsiteX6448" fmla="*/ 1117958 w 6858000"/>
              <a:gd name="connsiteY6448" fmla="*/ 128767 h 6858000"/>
              <a:gd name="connsiteX6449" fmla="*/ 1117958 w 6858000"/>
              <a:gd name="connsiteY6449" fmla="*/ 216051 h 6858000"/>
              <a:gd name="connsiteX6450" fmla="*/ 1205243 w 6858000"/>
              <a:gd name="connsiteY6450" fmla="*/ 216051 h 6858000"/>
              <a:gd name="connsiteX6451" fmla="*/ 1205243 w 6858000"/>
              <a:gd name="connsiteY6451" fmla="*/ 128767 h 6858000"/>
              <a:gd name="connsiteX6452" fmla="*/ 992531 w 6858000"/>
              <a:gd name="connsiteY6452" fmla="*/ 126396 h 6858000"/>
              <a:gd name="connsiteX6453" fmla="*/ 992531 w 6858000"/>
              <a:gd name="connsiteY6453" fmla="*/ 218458 h 6858000"/>
              <a:gd name="connsiteX6454" fmla="*/ 1084592 w 6858000"/>
              <a:gd name="connsiteY6454" fmla="*/ 218458 h 6858000"/>
              <a:gd name="connsiteX6455" fmla="*/ 1084592 w 6858000"/>
              <a:gd name="connsiteY6455" fmla="*/ 126396 h 6858000"/>
              <a:gd name="connsiteX6456" fmla="*/ 867289 w 6858000"/>
              <a:gd name="connsiteY6456" fmla="*/ 124211 h 6858000"/>
              <a:gd name="connsiteX6457" fmla="*/ 867289 w 6858000"/>
              <a:gd name="connsiteY6457" fmla="*/ 220643 h 6858000"/>
              <a:gd name="connsiteX6458" fmla="*/ 963720 w 6858000"/>
              <a:gd name="connsiteY6458" fmla="*/ 220643 h 6858000"/>
              <a:gd name="connsiteX6459" fmla="*/ 963720 w 6858000"/>
              <a:gd name="connsiteY6459" fmla="*/ 124211 h 6858000"/>
              <a:gd name="connsiteX6460" fmla="*/ 742491 w 6858000"/>
              <a:gd name="connsiteY6460" fmla="*/ 122435 h 6858000"/>
              <a:gd name="connsiteX6461" fmla="*/ 742491 w 6858000"/>
              <a:gd name="connsiteY6461" fmla="*/ 222347 h 6858000"/>
              <a:gd name="connsiteX6462" fmla="*/ 842403 w 6858000"/>
              <a:gd name="connsiteY6462" fmla="*/ 222347 h 6858000"/>
              <a:gd name="connsiteX6463" fmla="*/ 842403 w 6858000"/>
              <a:gd name="connsiteY6463" fmla="*/ 122435 h 6858000"/>
              <a:gd name="connsiteX6464" fmla="*/ 617693 w 6858000"/>
              <a:gd name="connsiteY6464" fmla="*/ 120731 h 6858000"/>
              <a:gd name="connsiteX6465" fmla="*/ 617693 w 6858000"/>
              <a:gd name="connsiteY6465" fmla="*/ 224087 h 6858000"/>
              <a:gd name="connsiteX6466" fmla="*/ 721049 w 6858000"/>
              <a:gd name="connsiteY6466" fmla="*/ 224087 h 6858000"/>
              <a:gd name="connsiteX6467" fmla="*/ 721049 w 6858000"/>
              <a:gd name="connsiteY6467" fmla="*/ 120731 h 6858000"/>
              <a:gd name="connsiteX6468" fmla="*/ 493525 w 6858000"/>
              <a:gd name="connsiteY6468" fmla="*/ 119657 h 6858000"/>
              <a:gd name="connsiteX6469" fmla="*/ 493525 w 6858000"/>
              <a:gd name="connsiteY6469" fmla="*/ 225198 h 6858000"/>
              <a:gd name="connsiteX6470" fmla="*/ 599066 w 6858000"/>
              <a:gd name="connsiteY6470" fmla="*/ 225198 h 6858000"/>
              <a:gd name="connsiteX6471" fmla="*/ 599066 w 6858000"/>
              <a:gd name="connsiteY6471" fmla="*/ 119657 h 6858000"/>
              <a:gd name="connsiteX6472" fmla="*/ 369394 w 6858000"/>
              <a:gd name="connsiteY6472" fmla="*/ 118546 h 6858000"/>
              <a:gd name="connsiteX6473" fmla="*/ 369394 w 6858000"/>
              <a:gd name="connsiteY6473" fmla="*/ 226272 h 6858000"/>
              <a:gd name="connsiteX6474" fmla="*/ 477120 w 6858000"/>
              <a:gd name="connsiteY6474" fmla="*/ 226272 h 6858000"/>
              <a:gd name="connsiteX6475" fmla="*/ 477120 w 6858000"/>
              <a:gd name="connsiteY6475" fmla="*/ 118546 h 6858000"/>
              <a:gd name="connsiteX6476" fmla="*/ 245670 w 6858000"/>
              <a:gd name="connsiteY6476" fmla="*/ 117917 h 6858000"/>
              <a:gd name="connsiteX6477" fmla="*/ 245670 w 6858000"/>
              <a:gd name="connsiteY6477" fmla="*/ 226939 h 6858000"/>
              <a:gd name="connsiteX6478" fmla="*/ 354692 w 6858000"/>
              <a:gd name="connsiteY6478" fmla="*/ 226939 h 6858000"/>
              <a:gd name="connsiteX6479" fmla="*/ 354692 w 6858000"/>
              <a:gd name="connsiteY6479" fmla="*/ 117917 h 6858000"/>
              <a:gd name="connsiteX6480" fmla="*/ 121983 w 6858000"/>
              <a:gd name="connsiteY6480" fmla="*/ 117250 h 6858000"/>
              <a:gd name="connsiteX6481" fmla="*/ 121983 w 6858000"/>
              <a:gd name="connsiteY6481" fmla="*/ 227568 h 6858000"/>
              <a:gd name="connsiteX6482" fmla="*/ 232301 w 6858000"/>
              <a:gd name="connsiteY6482" fmla="*/ 227568 h 6858000"/>
              <a:gd name="connsiteX6483" fmla="*/ 232301 w 6858000"/>
              <a:gd name="connsiteY6483" fmla="*/ 117250 h 6858000"/>
              <a:gd name="connsiteX6484" fmla="*/ 4976248 w 6858000"/>
              <a:gd name="connsiteY6484" fmla="*/ 49105 h 6858000"/>
              <a:gd name="connsiteX6485" fmla="*/ 4976248 w 6858000"/>
              <a:gd name="connsiteY6485" fmla="*/ 49549 h 6858000"/>
              <a:gd name="connsiteX6486" fmla="*/ 4976692 w 6858000"/>
              <a:gd name="connsiteY6486" fmla="*/ 49549 h 6858000"/>
              <a:gd name="connsiteX6487" fmla="*/ 4976692 w 6858000"/>
              <a:gd name="connsiteY6487" fmla="*/ 49105 h 6858000"/>
              <a:gd name="connsiteX6488" fmla="*/ 4853191 w 6858000"/>
              <a:gd name="connsiteY6488" fmla="*/ 49105 h 6858000"/>
              <a:gd name="connsiteX6489" fmla="*/ 4853191 w 6858000"/>
              <a:gd name="connsiteY6489" fmla="*/ 49549 h 6858000"/>
              <a:gd name="connsiteX6490" fmla="*/ 4853636 w 6858000"/>
              <a:gd name="connsiteY6490" fmla="*/ 49549 h 6858000"/>
              <a:gd name="connsiteX6491" fmla="*/ 4853636 w 6858000"/>
              <a:gd name="connsiteY6491" fmla="*/ 49105 h 6858000"/>
              <a:gd name="connsiteX6492" fmla="*/ 4730133 w 6858000"/>
              <a:gd name="connsiteY6492" fmla="*/ 49105 h 6858000"/>
              <a:gd name="connsiteX6493" fmla="*/ 4730133 w 6858000"/>
              <a:gd name="connsiteY6493" fmla="*/ 49549 h 6858000"/>
              <a:gd name="connsiteX6494" fmla="*/ 4730578 w 6858000"/>
              <a:gd name="connsiteY6494" fmla="*/ 49549 h 6858000"/>
              <a:gd name="connsiteX6495" fmla="*/ 4730578 w 6858000"/>
              <a:gd name="connsiteY6495" fmla="*/ 49105 h 6858000"/>
              <a:gd name="connsiteX6496" fmla="*/ 4484019 w 6858000"/>
              <a:gd name="connsiteY6496" fmla="*/ 49105 h 6858000"/>
              <a:gd name="connsiteX6497" fmla="*/ 4484019 w 6858000"/>
              <a:gd name="connsiteY6497" fmla="*/ 49549 h 6858000"/>
              <a:gd name="connsiteX6498" fmla="*/ 4484463 w 6858000"/>
              <a:gd name="connsiteY6498" fmla="*/ 49549 h 6858000"/>
              <a:gd name="connsiteX6499" fmla="*/ 4484463 w 6858000"/>
              <a:gd name="connsiteY6499" fmla="*/ 49105 h 6858000"/>
              <a:gd name="connsiteX6500" fmla="*/ 4360961 w 6858000"/>
              <a:gd name="connsiteY6500" fmla="*/ 49105 h 6858000"/>
              <a:gd name="connsiteX6501" fmla="*/ 4360961 w 6858000"/>
              <a:gd name="connsiteY6501" fmla="*/ 49549 h 6858000"/>
              <a:gd name="connsiteX6502" fmla="*/ 4361405 w 6858000"/>
              <a:gd name="connsiteY6502" fmla="*/ 49549 h 6858000"/>
              <a:gd name="connsiteX6503" fmla="*/ 4361405 w 6858000"/>
              <a:gd name="connsiteY6503" fmla="*/ 49105 h 6858000"/>
              <a:gd name="connsiteX6504" fmla="*/ 4237904 w 6858000"/>
              <a:gd name="connsiteY6504" fmla="*/ 49105 h 6858000"/>
              <a:gd name="connsiteX6505" fmla="*/ 4237904 w 6858000"/>
              <a:gd name="connsiteY6505" fmla="*/ 49549 h 6858000"/>
              <a:gd name="connsiteX6506" fmla="*/ 4238348 w 6858000"/>
              <a:gd name="connsiteY6506" fmla="*/ 49549 h 6858000"/>
              <a:gd name="connsiteX6507" fmla="*/ 4238348 w 6858000"/>
              <a:gd name="connsiteY6507" fmla="*/ 49105 h 6858000"/>
              <a:gd name="connsiteX6508" fmla="*/ 4114847 w 6858000"/>
              <a:gd name="connsiteY6508" fmla="*/ 49105 h 6858000"/>
              <a:gd name="connsiteX6509" fmla="*/ 4114847 w 6858000"/>
              <a:gd name="connsiteY6509" fmla="*/ 49549 h 6858000"/>
              <a:gd name="connsiteX6510" fmla="*/ 4115291 w 6858000"/>
              <a:gd name="connsiteY6510" fmla="*/ 49549 h 6858000"/>
              <a:gd name="connsiteX6511" fmla="*/ 4115291 w 6858000"/>
              <a:gd name="connsiteY6511" fmla="*/ 49105 h 6858000"/>
              <a:gd name="connsiteX6512" fmla="*/ 3991789 w 6858000"/>
              <a:gd name="connsiteY6512" fmla="*/ 49105 h 6858000"/>
              <a:gd name="connsiteX6513" fmla="*/ 3991789 w 6858000"/>
              <a:gd name="connsiteY6513" fmla="*/ 49549 h 6858000"/>
              <a:gd name="connsiteX6514" fmla="*/ 3992234 w 6858000"/>
              <a:gd name="connsiteY6514" fmla="*/ 49549 h 6858000"/>
              <a:gd name="connsiteX6515" fmla="*/ 3992234 w 6858000"/>
              <a:gd name="connsiteY6515" fmla="*/ 49105 h 6858000"/>
              <a:gd name="connsiteX6516" fmla="*/ 5714629 w 6858000"/>
              <a:gd name="connsiteY6516" fmla="*/ 49104 h 6858000"/>
              <a:gd name="connsiteX6517" fmla="*/ 5714629 w 6858000"/>
              <a:gd name="connsiteY6517" fmla="*/ 49548 h 6858000"/>
              <a:gd name="connsiteX6518" fmla="*/ 5715073 w 6858000"/>
              <a:gd name="connsiteY6518" fmla="*/ 49548 h 6858000"/>
              <a:gd name="connsiteX6519" fmla="*/ 5715073 w 6858000"/>
              <a:gd name="connsiteY6519" fmla="*/ 49104 h 6858000"/>
              <a:gd name="connsiteX6520" fmla="*/ 5591572 w 6858000"/>
              <a:gd name="connsiteY6520" fmla="*/ 49104 h 6858000"/>
              <a:gd name="connsiteX6521" fmla="*/ 5591572 w 6858000"/>
              <a:gd name="connsiteY6521" fmla="*/ 49548 h 6858000"/>
              <a:gd name="connsiteX6522" fmla="*/ 5592017 w 6858000"/>
              <a:gd name="connsiteY6522" fmla="*/ 49548 h 6858000"/>
              <a:gd name="connsiteX6523" fmla="*/ 5592017 w 6858000"/>
              <a:gd name="connsiteY6523" fmla="*/ 49104 h 6858000"/>
              <a:gd name="connsiteX6524" fmla="*/ 5468514 w 6858000"/>
              <a:gd name="connsiteY6524" fmla="*/ 49104 h 6858000"/>
              <a:gd name="connsiteX6525" fmla="*/ 5468514 w 6858000"/>
              <a:gd name="connsiteY6525" fmla="*/ 49548 h 6858000"/>
              <a:gd name="connsiteX6526" fmla="*/ 5468958 w 6858000"/>
              <a:gd name="connsiteY6526" fmla="*/ 49548 h 6858000"/>
              <a:gd name="connsiteX6527" fmla="*/ 5468958 w 6858000"/>
              <a:gd name="connsiteY6527" fmla="*/ 49104 h 6858000"/>
              <a:gd name="connsiteX6528" fmla="*/ 5345457 w 6858000"/>
              <a:gd name="connsiteY6528" fmla="*/ 49104 h 6858000"/>
              <a:gd name="connsiteX6529" fmla="*/ 5345457 w 6858000"/>
              <a:gd name="connsiteY6529" fmla="*/ 49548 h 6858000"/>
              <a:gd name="connsiteX6530" fmla="*/ 5345901 w 6858000"/>
              <a:gd name="connsiteY6530" fmla="*/ 49548 h 6858000"/>
              <a:gd name="connsiteX6531" fmla="*/ 5345901 w 6858000"/>
              <a:gd name="connsiteY6531" fmla="*/ 49104 h 6858000"/>
              <a:gd name="connsiteX6532" fmla="*/ 5222400 w 6858000"/>
              <a:gd name="connsiteY6532" fmla="*/ 49104 h 6858000"/>
              <a:gd name="connsiteX6533" fmla="*/ 5222400 w 6858000"/>
              <a:gd name="connsiteY6533" fmla="*/ 49548 h 6858000"/>
              <a:gd name="connsiteX6534" fmla="*/ 5222844 w 6858000"/>
              <a:gd name="connsiteY6534" fmla="*/ 49548 h 6858000"/>
              <a:gd name="connsiteX6535" fmla="*/ 5222844 w 6858000"/>
              <a:gd name="connsiteY6535" fmla="*/ 49104 h 6858000"/>
              <a:gd name="connsiteX6536" fmla="*/ 5099305 w 6858000"/>
              <a:gd name="connsiteY6536" fmla="*/ 49104 h 6858000"/>
              <a:gd name="connsiteX6537" fmla="*/ 5099305 w 6858000"/>
              <a:gd name="connsiteY6537" fmla="*/ 49548 h 6858000"/>
              <a:gd name="connsiteX6538" fmla="*/ 5099749 w 6858000"/>
              <a:gd name="connsiteY6538" fmla="*/ 49548 h 6858000"/>
              <a:gd name="connsiteX6539" fmla="*/ 5099749 w 6858000"/>
              <a:gd name="connsiteY6539" fmla="*/ 49104 h 6858000"/>
              <a:gd name="connsiteX6540" fmla="*/ 3868510 w 6858000"/>
              <a:gd name="connsiteY6540" fmla="*/ 48920 h 6858000"/>
              <a:gd name="connsiteX6541" fmla="*/ 3868510 w 6858000"/>
              <a:gd name="connsiteY6541" fmla="*/ 49772 h 6858000"/>
              <a:gd name="connsiteX6542" fmla="*/ 3869362 w 6858000"/>
              <a:gd name="connsiteY6542" fmla="*/ 49772 h 6858000"/>
              <a:gd name="connsiteX6543" fmla="*/ 3869362 w 6858000"/>
              <a:gd name="connsiteY6543" fmla="*/ 48920 h 6858000"/>
              <a:gd name="connsiteX6544" fmla="*/ 3745230 w 6858000"/>
              <a:gd name="connsiteY6544" fmla="*/ 48698 h 6858000"/>
              <a:gd name="connsiteX6545" fmla="*/ 3745230 w 6858000"/>
              <a:gd name="connsiteY6545" fmla="*/ 49994 h 6858000"/>
              <a:gd name="connsiteX6546" fmla="*/ 3746526 w 6858000"/>
              <a:gd name="connsiteY6546" fmla="*/ 49994 h 6858000"/>
              <a:gd name="connsiteX6547" fmla="*/ 3746526 w 6858000"/>
              <a:gd name="connsiteY6547" fmla="*/ 48698 h 6858000"/>
              <a:gd name="connsiteX6548" fmla="*/ 3621729 w 6858000"/>
              <a:gd name="connsiteY6548" fmla="*/ 48253 h 6858000"/>
              <a:gd name="connsiteX6549" fmla="*/ 3621729 w 6858000"/>
              <a:gd name="connsiteY6549" fmla="*/ 50438 h 6858000"/>
              <a:gd name="connsiteX6550" fmla="*/ 3623914 w 6858000"/>
              <a:gd name="connsiteY6550" fmla="*/ 50438 h 6858000"/>
              <a:gd name="connsiteX6551" fmla="*/ 3623914 w 6858000"/>
              <a:gd name="connsiteY6551" fmla="*/ 48253 h 6858000"/>
              <a:gd name="connsiteX6552" fmla="*/ 3498227 w 6858000"/>
              <a:gd name="connsiteY6552" fmla="*/ 47847 h 6858000"/>
              <a:gd name="connsiteX6553" fmla="*/ 3498227 w 6858000"/>
              <a:gd name="connsiteY6553" fmla="*/ 50883 h 6858000"/>
              <a:gd name="connsiteX6554" fmla="*/ 3501264 w 6858000"/>
              <a:gd name="connsiteY6554" fmla="*/ 50883 h 6858000"/>
              <a:gd name="connsiteX6555" fmla="*/ 3501264 w 6858000"/>
              <a:gd name="connsiteY6555" fmla="*/ 47847 h 6858000"/>
              <a:gd name="connsiteX6556" fmla="*/ 3374540 w 6858000"/>
              <a:gd name="connsiteY6556" fmla="*/ 47180 h 6858000"/>
              <a:gd name="connsiteX6557" fmla="*/ 3374540 w 6858000"/>
              <a:gd name="connsiteY6557" fmla="*/ 51513 h 6858000"/>
              <a:gd name="connsiteX6558" fmla="*/ 3378873 w 6858000"/>
              <a:gd name="connsiteY6558" fmla="*/ 51513 h 6858000"/>
              <a:gd name="connsiteX6559" fmla="*/ 3378873 w 6858000"/>
              <a:gd name="connsiteY6559" fmla="*/ 47180 h 6858000"/>
              <a:gd name="connsiteX6560" fmla="*/ 3250816 w 6858000"/>
              <a:gd name="connsiteY6560" fmla="*/ 46551 h 6858000"/>
              <a:gd name="connsiteX6561" fmla="*/ 3250816 w 6858000"/>
              <a:gd name="connsiteY6561" fmla="*/ 52180 h 6858000"/>
              <a:gd name="connsiteX6562" fmla="*/ 3256445 w 6858000"/>
              <a:gd name="connsiteY6562" fmla="*/ 52180 h 6858000"/>
              <a:gd name="connsiteX6563" fmla="*/ 3256445 w 6858000"/>
              <a:gd name="connsiteY6563" fmla="*/ 46551 h 6858000"/>
              <a:gd name="connsiteX6564" fmla="*/ 3126870 w 6858000"/>
              <a:gd name="connsiteY6564" fmla="*/ 45661 h 6858000"/>
              <a:gd name="connsiteX6565" fmla="*/ 3126870 w 6858000"/>
              <a:gd name="connsiteY6565" fmla="*/ 53031 h 6858000"/>
              <a:gd name="connsiteX6566" fmla="*/ 3134239 w 6858000"/>
              <a:gd name="connsiteY6566" fmla="*/ 53031 h 6858000"/>
              <a:gd name="connsiteX6567" fmla="*/ 3134239 w 6858000"/>
              <a:gd name="connsiteY6567" fmla="*/ 45661 h 6858000"/>
              <a:gd name="connsiteX6568" fmla="*/ 3002517 w 6858000"/>
              <a:gd name="connsiteY6568" fmla="*/ 44329 h 6858000"/>
              <a:gd name="connsiteX6569" fmla="*/ 3002517 w 6858000"/>
              <a:gd name="connsiteY6569" fmla="*/ 54327 h 6858000"/>
              <a:gd name="connsiteX6570" fmla="*/ 3012516 w 6858000"/>
              <a:gd name="connsiteY6570" fmla="*/ 54327 h 6858000"/>
              <a:gd name="connsiteX6571" fmla="*/ 3012516 w 6858000"/>
              <a:gd name="connsiteY6571" fmla="*/ 44329 h 6858000"/>
              <a:gd name="connsiteX6572" fmla="*/ 2878385 w 6858000"/>
              <a:gd name="connsiteY6572" fmla="*/ 43291 h 6858000"/>
              <a:gd name="connsiteX6573" fmla="*/ 2878385 w 6858000"/>
              <a:gd name="connsiteY6573" fmla="*/ 55438 h 6858000"/>
              <a:gd name="connsiteX6574" fmla="*/ 2890532 w 6858000"/>
              <a:gd name="connsiteY6574" fmla="*/ 55438 h 6858000"/>
              <a:gd name="connsiteX6575" fmla="*/ 2890532 w 6858000"/>
              <a:gd name="connsiteY6575" fmla="*/ 43291 h 6858000"/>
              <a:gd name="connsiteX6576" fmla="*/ 2753588 w 6858000"/>
              <a:gd name="connsiteY6576" fmla="*/ 41551 h 6858000"/>
              <a:gd name="connsiteX6577" fmla="*/ 2753588 w 6858000"/>
              <a:gd name="connsiteY6577" fmla="*/ 57179 h 6858000"/>
              <a:gd name="connsiteX6578" fmla="*/ 2769215 w 6858000"/>
              <a:gd name="connsiteY6578" fmla="*/ 57179 h 6858000"/>
              <a:gd name="connsiteX6579" fmla="*/ 2769215 w 6858000"/>
              <a:gd name="connsiteY6579" fmla="*/ 41551 h 6858000"/>
              <a:gd name="connsiteX6580" fmla="*/ 2628790 w 6858000"/>
              <a:gd name="connsiteY6580" fmla="*/ 39810 h 6858000"/>
              <a:gd name="connsiteX6581" fmla="*/ 2628790 w 6858000"/>
              <a:gd name="connsiteY6581" fmla="*/ 58919 h 6858000"/>
              <a:gd name="connsiteX6582" fmla="*/ 2647898 w 6858000"/>
              <a:gd name="connsiteY6582" fmla="*/ 58919 h 6858000"/>
              <a:gd name="connsiteX6583" fmla="*/ 2647898 w 6858000"/>
              <a:gd name="connsiteY6583" fmla="*/ 39810 h 6858000"/>
              <a:gd name="connsiteX6584" fmla="*/ 2503770 w 6858000"/>
              <a:gd name="connsiteY6584" fmla="*/ 37811 h 6858000"/>
              <a:gd name="connsiteX6585" fmla="*/ 2503770 w 6858000"/>
              <a:gd name="connsiteY6585" fmla="*/ 60845 h 6858000"/>
              <a:gd name="connsiteX6586" fmla="*/ 2526804 w 6858000"/>
              <a:gd name="connsiteY6586" fmla="*/ 60845 h 6858000"/>
              <a:gd name="connsiteX6587" fmla="*/ 2526804 w 6858000"/>
              <a:gd name="connsiteY6587" fmla="*/ 37811 h 6858000"/>
              <a:gd name="connsiteX6588" fmla="*/ 2378305 w 6858000"/>
              <a:gd name="connsiteY6588" fmla="*/ 35441 h 6858000"/>
              <a:gd name="connsiteX6589" fmla="*/ 2378305 w 6858000"/>
              <a:gd name="connsiteY6589" fmla="*/ 63252 h 6858000"/>
              <a:gd name="connsiteX6590" fmla="*/ 2406116 w 6858000"/>
              <a:gd name="connsiteY6590" fmla="*/ 63252 h 6858000"/>
              <a:gd name="connsiteX6591" fmla="*/ 2406116 w 6858000"/>
              <a:gd name="connsiteY6591" fmla="*/ 35441 h 6858000"/>
              <a:gd name="connsiteX6592" fmla="*/ 2253100 w 6858000"/>
              <a:gd name="connsiteY6592" fmla="*/ 33293 h 6858000"/>
              <a:gd name="connsiteX6593" fmla="*/ 2253100 w 6858000"/>
              <a:gd name="connsiteY6593" fmla="*/ 65437 h 6858000"/>
              <a:gd name="connsiteX6594" fmla="*/ 2285244 w 6858000"/>
              <a:gd name="connsiteY6594" fmla="*/ 65437 h 6858000"/>
              <a:gd name="connsiteX6595" fmla="*/ 2285244 w 6858000"/>
              <a:gd name="connsiteY6595" fmla="*/ 33293 h 6858000"/>
              <a:gd name="connsiteX6596" fmla="*/ 2127414 w 6858000"/>
              <a:gd name="connsiteY6596" fmla="*/ 30664 h 6858000"/>
              <a:gd name="connsiteX6597" fmla="*/ 2127414 w 6858000"/>
              <a:gd name="connsiteY6597" fmla="*/ 68029 h 6858000"/>
              <a:gd name="connsiteX6598" fmla="*/ 2164779 w 6858000"/>
              <a:gd name="connsiteY6598" fmla="*/ 68029 h 6858000"/>
              <a:gd name="connsiteX6599" fmla="*/ 2164779 w 6858000"/>
              <a:gd name="connsiteY6599" fmla="*/ 30664 h 6858000"/>
              <a:gd name="connsiteX6600" fmla="*/ 2001764 w 6858000"/>
              <a:gd name="connsiteY6600" fmla="*/ 28073 h 6858000"/>
              <a:gd name="connsiteX6601" fmla="*/ 2001764 w 6858000"/>
              <a:gd name="connsiteY6601" fmla="*/ 70623 h 6858000"/>
              <a:gd name="connsiteX6602" fmla="*/ 2044314 w 6858000"/>
              <a:gd name="connsiteY6602" fmla="*/ 70623 h 6858000"/>
              <a:gd name="connsiteX6603" fmla="*/ 2044314 w 6858000"/>
              <a:gd name="connsiteY6603" fmla="*/ 28073 h 6858000"/>
              <a:gd name="connsiteX6604" fmla="*/ 1875855 w 6858000"/>
              <a:gd name="connsiteY6604" fmla="*/ 25258 h 6858000"/>
              <a:gd name="connsiteX6605" fmla="*/ 1875855 w 6858000"/>
              <a:gd name="connsiteY6605" fmla="*/ 73474 h 6858000"/>
              <a:gd name="connsiteX6606" fmla="*/ 1924071 w 6858000"/>
              <a:gd name="connsiteY6606" fmla="*/ 73474 h 6858000"/>
              <a:gd name="connsiteX6607" fmla="*/ 1924071 w 6858000"/>
              <a:gd name="connsiteY6607" fmla="*/ 25258 h 6858000"/>
              <a:gd name="connsiteX6608" fmla="*/ 1749984 w 6858000"/>
              <a:gd name="connsiteY6608" fmla="*/ 22443 h 6858000"/>
              <a:gd name="connsiteX6609" fmla="*/ 1749984 w 6858000"/>
              <a:gd name="connsiteY6609" fmla="*/ 76288 h 6858000"/>
              <a:gd name="connsiteX6610" fmla="*/ 1803829 w 6858000"/>
              <a:gd name="connsiteY6610" fmla="*/ 76288 h 6858000"/>
              <a:gd name="connsiteX6611" fmla="*/ 1803829 w 6858000"/>
              <a:gd name="connsiteY6611" fmla="*/ 22443 h 6858000"/>
              <a:gd name="connsiteX6612" fmla="*/ 1624112 w 6858000"/>
              <a:gd name="connsiteY6612" fmla="*/ 19593 h 6858000"/>
              <a:gd name="connsiteX6613" fmla="*/ 1624112 w 6858000"/>
              <a:gd name="connsiteY6613" fmla="*/ 79103 h 6858000"/>
              <a:gd name="connsiteX6614" fmla="*/ 1683622 w 6858000"/>
              <a:gd name="connsiteY6614" fmla="*/ 79103 h 6858000"/>
              <a:gd name="connsiteX6615" fmla="*/ 1683622 w 6858000"/>
              <a:gd name="connsiteY6615" fmla="*/ 19593 h 6858000"/>
              <a:gd name="connsiteX6616" fmla="*/ 1498203 w 6858000"/>
              <a:gd name="connsiteY6616" fmla="*/ 16778 h 6858000"/>
              <a:gd name="connsiteX6617" fmla="*/ 1498203 w 6858000"/>
              <a:gd name="connsiteY6617" fmla="*/ 81917 h 6858000"/>
              <a:gd name="connsiteX6618" fmla="*/ 1563342 w 6858000"/>
              <a:gd name="connsiteY6618" fmla="*/ 81917 h 6858000"/>
              <a:gd name="connsiteX6619" fmla="*/ 1563342 w 6858000"/>
              <a:gd name="connsiteY6619" fmla="*/ 16778 h 6858000"/>
              <a:gd name="connsiteX6620" fmla="*/ 1372331 w 6858000"/>
              <a:gd name="connsiteY6620" fmla="*/ 13927 h 6858000"/>
              <a:gd name="connsiteX6621" fmla="*/ 1372331 w 6858000"/>
              <a:gd name="connsiteY6621" fmla="*/ 84732 h 6858000"/>
              <a:gd name="connsiteX6622" fmla="*/ 1443136 w 6858000"/>
              <a:gd name="connsiteY6622" fmla="*/ 84732 h 6858000"/>
              <a:gd name="connsiteX6623" fmla="*/ 1443136 w 6858000"/>
              <a:gd name="connsiteY6623" fmla="*/ 13927 h 6858000"/>
              <a:gd name="connsiteX6624" fmla="*/ 1246682 w 6858000"/>
              <a:gd name="connsiteY6624" fmla="*/ 11371 h 6858000"/>
              <a:gd name="connsiteX6625" fmla="*/ 1246682 w 6858000"/>
              <a:gd name="connsiteY6625" fmla="*/ 87361 h 6858000"/>
              <a:gd name="connsiteX6626" fmla="*/ 1322672 w 6858000"/>
              <a:gd name="connsiteY6626" fmla="*/ 87361 h 6858000"/>
              <a:gd name="connsiteX6627" fmla="*/ 1322672 w 6858000"/>
              <a:gd name="connsiteY6627" fmla="*/ 11371 h 6858000"/>
              <a:gd name="connsiteX6628" fmla="*/ 1121217 w 6858000"/>
              <a:gd name="connsiteY6628" fmla="*/ 8927 h 6858000"/>
              <a:gd name="connsiteX6629" fmla="*/ 1121217 w 6858000"/>
              <a:gd name="connsiteY6629" fmla="*/ 89731 h 6858000"/>
              <a:gd name="connsiteX6630" fmla="*/ 1202021 w 6858000"/>
              <a:gd name="connsiteY6630" fmla="*/ 89731 h 6858000"/>
              <a:gd name="connsiteX6631" fmla="*/ 1202021 w 6858000"/>
              <a:gd name="connsiteY6631" fmla="*/ 8927 h 6858000"/>
              <a:gd name="connsiteX6632" fmla="*/ 995975 w 6858000"/>
              <a:gd name="connsiteY6632" fmla="*/ 6779 h 6858000"/>
              <a:gd name="connsiteX6633" fmla="*/ 995975 w 6858000"/>
              <a:gd name="connsiteY6633" fmla="*/ 91916 h 6858000"/>
              <a:gd name="connsiteX6634" fmla="*/ 1081112 w 6858000"/>
              <a:gd name="connsiteY6634" fmla="*/ 91916 h 6858000"/>
              <a:gd name="connsiteX6635" fmla="*/ 1081112 w 6858000"/>
              <a:gd name="connsiteY6635" fmla="*/ 6779 h 6858000"/>
              <a:gd name="connsiteX6636" fmla="*/ 870992 w 6858000"/>
              <a:gd name="connsiteY6636" fmla="*/ 4854 h 6858000"/>
              <a:gd name="connsiteX6637" fmla="*/ 870992 w 6858000"/>
              <a:gd name="connsiteY6637" fmla="*/ 93879 h 6858000"/>
              <a:gd name="connsiteX6638" fmla="*/ 960017 w 6858000"/>
              <a:gd name="connsiteY6638" fmla="*/ 93879 h 6858000"/>
              <a:gd name="connsiteX6639" fmla="*/ 960017 w 6858000"/>
              <a:gd name="connsiteY6639" fmla="*/ 4854 h 6858000"/>
              <a:gd name="connsiteX6640" fmla="*/ 746379 w 6858000"/>
              <a:gd name="connsiteY6640" fmla="*/ 3336 h 6858000"/>
              <a:gd name="connsiteX6641" fmla="*/ 746379 w 6858000"/>
              <a:gd name="connsiteY6641" fmla="*/ 95397 h 6858000"/>
              <a:gd name="connsiteX6642" fmla="*/ 838441 w 6858000"/>
              <a:gd name="connsiteY6642" fmla="*/ 95397 h 6858000"/>
              <a:gd name="connsiteX6643" fmla="*/ 838441 w 6858000"/>
              <a:gd name="connsiteY6643" fmla="*/ 3336 h 6858000"/>
              <a:gd name="connsiteX6644" fmla="*/ 621804 w 6858000"/>
              <a:gd name="connsiteY6644" fmla="*/ 1780 h 6858000"/>
              <a:gd name="connsiteX6645" fmla="*/ 621804 w 6858000"/>
              <a:gd name="connsiteY6645" fmla="*/ 96915 h 6858000"/>
              <a:gd name="connsiteX6646" fmla="*/ 716939 w 6858000"/>
              <a:gd name="connsiteY6646" fmla="*/ 96915 h 6858000"/>
              <a:gd name="connsiteX6647" fmla="*/ 716939 w 6858000"/>
              <a:gd name="connsiteY6647" fmla="*/ 1780 h 6858000"/>
              <a:gd name="connsiteX6648" fmla="*/ 497450 w 6858000"/>
              <a:gd name="connsiteY6648" fmla="*/ 485 h 6858000"/>
              <a:gd name="connsiteX6649" fmla="*/ 497450 w 6858000"/>
              <a:gd name="connsiteY6649" fmla="*/ 98211 h 6858000"/>
              <a:gd name="connsiteX6650" fmla="*/ 595177 w 6858000"/>
              <a:gd name="connsiteY6650" fmla="*/ 98211 h 6858000"/>
              <a:gd name="connsiteX6651" fmla="*/ 595177 w 6858000"/>
              <a:gd name="connsiteY6651" fmla="*/ 485 h 6858000"/>
              <a:gd name="connsiteX6652" fmla="*/ 0 w 6858000"/>
              <a:gd name="connsiteY6652" fmla="*/ 0 h 6858000"/>
              <a:gd name="connsiteX6653" fmla="*/ 4110 w 6858000"/>
              <a:gd name="connsiteY6653" fmla="*/ 0 h 6858000"/>
              <a:gd name="connsiteX6654" fmla="*/ 4110 w 6858000"/>
              <a:gd name="connsiteY6654" fmla="*/ 99286 h 6858000"/>
              <a:gd name="connsiteX6655" fmla="*/ 104022 w 6858000"/>
              <a:gd name="connsiteY6655" fmla="*/ 99286 h 6858000"/>
              <a:gd name="connsiteX6656" fmla="*/ 104022 w 6858000"/>
              <a:gd name="connsiteY6656" fmla="*/ 0 h 6858000"/>
              <a:gd name="connsiteX6657" fmla="*/ 126316 w 6858000"/>
              <a:gd name="connsiteY6657" fmla="*/ 0 h 6858000"/>
              <a:gd name="connsiteX6658" fmla="*/ 126316 w 6858000"/>
              <a:gd name="connsiteY6658" fmla="*/ 100175 h 6858000"/>
              <a:gd name="connsiteX6659" fmla="*/ 227932 w 6858000"/>
              <a:gd name="connsiteY6659" fmla="*/ 100175 h 6858000"/>
              <a:gd name="connsiteX6660" fmla="*/ 227932 w 6858000"/>
              <a:gd name="connsiteY6660" fmla="*/ 0 h 6858000"/>
              <a:gd name="connsiteX6661" fmla="*/ 249817 w 6858000"/>
              <a:gd name="connsiteY6661" fmla="*/ 0 h 6858000"/>
              <a:gd name="connsiteX6662" fmla="*/ 249817 w 6858000"/>
              <a:gd name="connsiteY6662" fmla="*/ 99731 h 6858000"/>
              <a:gd name="connsiteX6663" fmla="*/ 350581 w 6858000"/>
              <a:gd name="connsiteY6663" fmla="*/ 99731 h 6858000"/>
              <a:gd name="connsiteX6664" fmla="*/ 350581 w 6858000"/>
              <a:gd name="connsiteY6664" fmla="*/ 0 h 6858000"/>
              <a:gd name="connsiteX6665" fmla="*/ 373541 w 6858000"/>
              <a:gd name="connsiteY6665" fmla="*/ 0 h 6858000"/>
              <a:gd name="connsiteX6666" fmla="*/ 373541 w 6858000"/>
              <a:gd name="connsiteY6666" fmla="*/ 99101 h 6858000"/>
              <a:gd name="connsiteX6667" fmla="*/ 473009 w 6858000"/>
              <a:gd name="connsiteY6667" fmla="*/ 99101 h 6858000"/>
              <a:gd name="connsiteX6668" fmla="*/ 473009 w 6858000"/>
              <a:gd name="connsiteY6668" fmla="*/ 0 h 6858000"/>
              <a:gd name="connsiteX6669" fmla="*/ 6858000 w 6858000"/>
              <a:gd name="connsiteY6669" fmla="*/ 0 h 6858000"/>
              <a:gd name="connsiteX6670" fmla="*/ 6858000 w 6858000"/>
              <a:gd name="connsiteY6670" fmla="*/ 6858000 h 6858000"/>
              <a:gd name="connsiteX6671" fmla="*/ 0 w 6858000"/>
              <a:gd name="connsiteY6671" fmla="*/ 6858000 h 6858000"/>
              <a:gd name="connsiteX6672" fmla="*/ 0 w 6858000"/>
              <a:gd name="connsiteY6672" fmla="*/ 1334076 h 6858000"/>
              <a:gd name="connsiteX6673" fmla="*/ 108133 w 6858000"/>
              <a:gd name="connsiteY6673" fmla="*/ 1334076 h 6858000"/>
              <a:gd name="connsiteX6674" fmla="*/ 108133 w 6858000"/>
              <a:gd name="connsiteY6674" fmla="*/ 1225940 h 6858000"/>
              <a:gd name="connsiteX6675" fmla="*/ 0 w 6858000"/>
              <a:gd name="connsiteY6675" fmla="*/ 1225940 h 6858000"/>
              <a:gd name="connsiteX6676" fmla="*/ 0 w 6858000"/>
              <a:gd name="connsiteY6676" fmla="*/ 1210979 h 6858000"/>
              <a:gd name="connsiteX6677" fmla="*/ 108133 w 6858000"/>
              <a:gd name="connsiteY6677" fmla="*/ 1210979 h 6858000"/>
              <a:gd name="connsiteX6678" fmla="*/ 108133 w 6858000"/>
              <a:gd name="connsiteY6678" fmla="*/ 1102847 h 6858000"/>
              <a:gd name="connsiteX6679" fmla="*/ 0 w 6858000"/>
              <a:gd name="connsiteY6679" fmla="*/ 1102847 h 6858000"/>
              <a:gd name="connsiteX6680" fmla="*/ 0 w 6858000"/>
              <a:gd name="connsiteY6680" fmla="*/ 1087922 h 6858000"/>
              <a:gd name="connsiteX6681" fmla="*/ 108133 w 6858000"/>
              <a:gd name="connsiteY6681" fmla="*/ 1087922 h 6858000"/>
              <a:gd name="connsiteX6682" fmla="*/ 108133 w 6858000"/>
              <a:gd name="connsiteY6682" fmla="*/ 979786 h 6858000"/>
              <a:gd name="connsiteX6683" fmla="*/ 0 w 6858000"/>
              <a:gd name="connsiteY6683" fmla="*/ 979786 h 6858000"/>
              <a:gd name="connsiteX6684" fmla="*/ 0 w 6858000"/>
              <a:gd name="connsiteY6684" fmla="*/ 964857 h 6858000"/>
              <a:gd name="connsiteX6685" fmla="*/ 108133 w 6858000"/>
              <a:gd name="connsiteY6685" fmla="*/ 964857 h 6858000"/>
              <a:gd name="connsiteX6686" fmla="*/ 108133 w 6858000"/>
              <a:gd name="connsiteY6686" fmla="*/ 856724 h 6858000"/>
              <a:gd name="connsiteX6687" fmla="*/ 0 w 6858000"/>
              <a:gd name="connsiteY6687" fmla="*/ 856724 h 6858000"/>
              <a:gd name="connsiteX6688" fmla="*/ 0 w 6858000"/>
              <a:gd name="connsiteY6688" fmla="*/ 841797 h 6858000"/>
              <a:gd name="connsiteX6689" fmla="*/ 108133 w 6858000"/>
              <a:gd name="connsiteY6689" fmla="*/ 841797 h 6858000"/>
              <a:gd name="connsiteX6690" fmla="*/ 108133 w 6858000"/>
              <a:gd name="connsiteY6690" fmla="*/ 733664 h 6858000"/>
              <a:gd name="connsiteX6691" fmla="*/ 0 w 6858000"/>
              <a:gd name="connsiteY6691" fmla="*/ 733664 h 6858000"/>
              <a:gd name="connsiteX6692" fmla="*/ 0 w 6858000"/>
              <a:gd name="connsiteY6692" fmla="*/ 718737 h 6858000"/>
              <a:gd name="connsiteX6693" fmla="*/ 108133 w 6858000"/>
              <a:gd name="connsiteY6693" fmla="*/ 718737 h 6858000"/>
              <a:gd name="connsiteX6694" fmla="*/ 108133 w 6858000"/>
              <a:gd name="connsiteY6694" fmla="*/ 610604 h 6858000"/>
              <a:gd name="connsiteX6695" fmla="*/ 0 w 6858000"/>
              <a:gd name="connsiteY6695" fmla="*/ 610604 h 6858000"/>
              <a:gd name="connsiteX6696" fmla="*/ 0 w 6858000"/>
              <a:gd name="connsiteY6696" fmla="*/ 595676 h 6858000"/>
              <a:gd name="connsiteX6697" fmla="*/ 108133 w 6858000"/>
              <a:gd name="connsiteY6697" fmla="*/ 595676 h 6858000"/>
              <a:gd name="connsiteX6698" fmla="*/ 108133 w 6858000"/>
              <a:gd name="connsiteY6698" fmla="*/ 487543 h 6858000"/>
              <a:gd name="connsiteX6699" fmla="*/ 0 w 6858000"/>
              <a:gd name="connsiteY6699" fmla="*/ 487543 h 6858000"/>
              <a:gd name="connsiteX6700" fmla="*/ 0 w 6858000"/>
              <a:gd name="connsiteY6700" fmla="*/ 472616 h 6858000"/>
              <a:gd name="connsiteX6701" fmla="*/ 108133 w 6858000"/>
              <a:gd name="connsiteY6701" fmla="*/ 472616 h 6858000"/>
              <a:gd name="connsiteX6702" fmla="*/ 108133 w 6858000"/>
              <a:gd name="connsiteY6702" fmla="*/ 364483 h 6858000"/>
              <a:gd name="connsiteX6703" fmla="*/ 0 w 6858000"/>
              <a:gd name="connsiteY6703" fmla="*/ 364483 h 6858000"/>
              <a:gd name="connsiteX6704" fmla="*/ 0 w 6858000"/>
              <a:gd name="connsiteY6704" fmla="*/ 349556 h 6858000"/>
              <a:gd name="connsiteX6705" fmla="*/ 108133 w 6858000"/>
              <a:gd name="connsiteY6705" fmla="*/ 349556 h 6858000"/>
              <a:gd name="connsiteX6706" fmla="*/ 108133 w 6858000"/>
              <a:gd name="connsiteY6706" fmla="*/ 241423 h 6858000"/>
              <a:gd name="connsiteX6707" fmla="*/ 0 w 6858000"/>
              <a:gd name="connsiteY6707" fmla="*/ 241423 h 6858000"/>
              <a:gd name="connsiteX6708" fmla="*/ 0 w 6858000"/>
              <a:gd name="connsiteY6708" fmla="*/ 226495 h 6858000"/>
              <a:gd name="connsiteX6709" fmla="*/ 108133 w 6858000"/>
              <a:gd name="connsiteY6709" fmla="*/ 226495 h 6858000"/>
              <a:gd name="connsiteX6710" fmla="*/ 108133 w 6858000"/>
              <a:gd name="connsiteY6710" fmla="*/ 118362 h 6858000"/>
              <a:gd name="connsiteX6711" fmla="*/ 0 w 6858000"/>
              <a:gd name="connsiteY6711" fmla="*/ 118362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3745675" y="5709890"/>
                </a:moveTo>
                <a:lnTo>
                  <a:pt x="3745675" y="5710334"/>
                </a:lnTo>
                <a:lnTo>
                  <a:pt x="3746119" y="5710334"/>
                </a:lnTo>
                <a:lnTo>
                  <a:pt x="3746119" y="5709890"/>
                </a:lnTo>
                <a:close/>
                <a:moveTo>
                  <a:pt x="3622617" y="5709890"/>
                </a:moveTo>
                <a:lnTo>
                  <a:pt x="3622617" y="5710334"/>
                </a:lnTo>
                <a:lnTo>
                  <a:pt x="3623061" y="5710334"/>
                </a:lnTo>
                <a:lnTo>
                  <a:pt x="3623061" y="5709890"/>
                </a:lnTo>
                <a:close/>
                <a:moveTo>
                  <a:pt x="3499523" y="5709890"/>
                </a:moveTo>
                <a:lnTo>
                  <a:pt x="3499523" y="5710334"/>
                </a:lnTo>
                <a:lnTo>
                  <a:pt x="3499967" y="5710334"/>
                </a:lnTo>
                <a:lnTo>
                  <a:pt x="3499967" y="5709890"/>
                </a:lnTo>
                <a:close/>
                <a:moveTo>
                  <a:pt x="3376466" y="5709890"/>
                </a:moveTo>
                <a:lnTo>
                  <a:pt x="3376466" y="5710334"/>
                </a:lnTo>
                <a:lnTo>
                  <a:pt x="3376910" y="5710334"/>
                </a:lnTo>
                <a:lnTo>
                  <a:pt x="3376910" y="5709890"/>
                </a:lnTo>
                <a:close/>
                <a:moveTo>
                  <a:pt x="3253408" y="5709890"/>
                </a:moveTo>
                <a:lnTo>
                  <a:pt x="3253408" y="5710334"/>
                </a:lnTo>
                <a:lnTo>
                  <a:pt x="3253852" y="5710334"/>
                </a:lnTo>
                <a:lnTo>
                  <a:pt x="3253852" y="5709890"/>
                </a:lnTo>
                <a:close/>
                <a:moveTo>
                  <a:pt x="3130351" y="5709890"/>
                </a:moveTo>
                <a:lnTo>
                  <a:pt x="3130351" y="5710334"/>
                </a:lnTo>
                <a:lnTo>
                  <a:pt x="3130795" y="5710334"/>
                </a:lnTo>
                <a:lnTo>
                  <a:pt x="3130795" y="5709890"/>
                </a:lnTo>
                <a:close/>
                <a:moveTo>
                  <a:pt x="3007294" y="5709890"/>
                </a:moveTo>
                <a:lnTo>
                  <a:pt x="3007294" y="5710334"/>
                </a:lnTo>
                <a:lnTo>
                  <a:pt x="3007738" y="5710334"/>
                </a:lnTo>
                <a:lnTo>
                  <a:pt x="3007738" y="5709890"/>
                </a:lnTo>
                <a:close/>
                <a:moveTo>
                  <a:pt x="2884237" y="5709890"/>
                </a:moveTo>
                <a:lnTo>
                  <a:pt x="2884237" y="5710334"/>
                </a:lnTo>
                <a:lnTo>
                  <a:pt x="2884681" y="5710334"/>
                </a:lnTo>
                <a:lnTo>
                  <a:pt x="2884681" y="5709890"/>
                </a:lnTo>
                <a:close/>
                <a:moveTo>
                  <a:pt x="2761179" y="5709890"/>
                </a:moveTo>
                <a:lnTo>
                  <a:pt x="2761179" y="5710334"/>
                </a:lnTo>
                <a:lnTo>
                  <a:pt x="2761623" y="5710334"/>
                </a:lnTo>
                <a:lnTo>
                  <a:pt x="2761623" y="5709890"/>
                </a:lnTo>
                <a:close/>
                <a:moveTo>
                  <a:pt x="2638122" y="5709890"/>
                </a:moveTo>
                <a:lnTo>
                  <a:pt x="2638122" y="5710334"/>
                </a:lnTo>
                <a:lnTo>
                  <a:pt x="2638566" y="5710334"/>
                </a:lnTo>
                <a:lnTo>
                  <a:pt x="2638566" y="5709890"/>
                </a:lnTo>
                <a:close/>
                <a:moveTo>
                  <a:pt x="2515065" y="5709890"/>
                </a:moveTo>
                <a:lnTo>
                  <a:pt x="2515065" y="5710334"/>
                </a:lnTo>
                <a:lnTo>
                  <a:pt x="2515509" y="5710334"/>
                </a:lnTo>
                <a:lnTo>
                  <a:pt x="2515509" y="5709890"/>
                </a:lnTo>
                <a:close/>
                <a:moveTo>
                  <a:pt x="2392007" y="5709890"/>
                </a:moveTo>
                <a:lnTo>
                  <a:pt x="2392007" y="5710334"/>
                </a:lnTo>
                <a:lnTo>
                  <a:pt x="2392451" y="5710334"/>
                </a:lnTo>
                <a:lnTo>
                  <a:pt x="2392451" y="5709890"/>
                </a:lnTo>
                <a:close/>
                <a:moveTo>
                  <a:pt x="2268950" y="5709890"/>
                </a:moveTo>
                <a:lnTo>
                  <a:pt x="2268950" y="5710334"/>
                </a:lnTo>
                <a:lnTo>
                  <a:pt x="2269394" y="5710334"/>
                </a:lnTo>
                <a:lnTo>
                  <a:pt x="2269394" y="5709890"/>
                </a:lnTo>
                <a:close/>
                <a:moveTo>
                  <a:pt x="2145893" y="5709890"/>
                </a:moveTo>
                <a:lnTo>
                  <a:pt x="2145893" y="5710334"/>
                </a:lnTo>
                <a:lnTo>
                  <a:pt x="2146337" y="5710334"/>
                </a:lnTo>
                <a:lnTo>
                  <a:pt x="2146337" y="5709890"/>
                </a:lnTo>
                <a:close/>
                <a:moveTo>
                  <a:pt x="2022835" y="5709890"/>
                </a:moveTo>
                <a:lnTo>
                  <a:pt x="2022835" y="5710334"/>
                </a:lnTo>
                <a:lnTo>
                  <a:pt x="2023279" y="5710334"/>
                </a:lnTo>
                <a:lnTo>
                  <a:pt x="2023279" y="5709890"/>
                </a:lnTo>
                <a:close/>
                <a:moveTo>
                  <a:pt x="1899741" y="5709890"/>
                </a:moveTo>
                <a:lnTo>
                  <a:pt x="1899741" y="5710334"/>
                </a:lnTo>
                <a:lnTo>
                  <a:pt x="1900185" y="5710334"/>
                </a:lnTo>
                <a:lnTo>
                  <a:pt x="1900185" y="5709890"/>
                </a:lnTo>
                <a:close/>
                <a:moveTo>
                  <a:pt x="1776684" y="5709890"/>
                </a:moveTo>
                <a:lnTo>
                  <a:pt x="1776684" y="5710334"/>
                </a:lnTo>
                <a:lnTo>
                  <a:pt x="1777128" y="5710334"/>
                </a:lnTo>
                <a:lnTo>
                  <a:pt x="1777128" y="5709890"/>
                </a:lnTo>
                <a:close/>
                <a:moveTo>
                  <a:pt x="1653626" y="5709890"/>
                </a:moveTo>
                <a:lnTo>
                  <a:pt x="1653626" y="5710334"/>
                </a:lnTo>
                <a:lnTo>
                  <a:pt x="1654070" y="5710334"/>
                </a:lnTo>
                <a:lnTo>
                  <a:pt x="1654070" y="5709890"/>
                </a:lnTo>
                <a:close/>
                <a:moveTo>
                  <a:pt x="1530569" y="5709890"/>
                </a:moveTo>
                <a:lnTo>
                  <a:pt x="1530569" y="5710334"/>
                </a:lnTo>
                <a:lnTo>
                  <a:pt x="1531013" y="5710334"/>
                </a:lnTo>
                <a:lnTo>
                  <a:pt x="1531013" y="5709890"/>
                </a:lnTo>
                <a:close/>
                <a:moveTo>
                  <a:pt x="1407512" y="5709890"/>
                </a:moveTo>
                <a:lnTo>
                  <a:pt x="1407512" y="5710334"/>
                </a:lnTo>
                <a:lnTo>
                  <a:pt x="1407956" y="5710334"/>
                </a:lnTo>
                <a:lnTo>
                  <a:pt x="1407956" y="5709890"/>
                </a:lnTo>
                <a:close/>
                <a:moveTo>
                  <a:pt x="1284454" y="5709890"/>
                </a:moveTo>
                <a:lnTo>
                  <a:pt x="1284454" y="5710334"/>
                </a:lnTo>
                <a:lnTo>
                  <a:pt x="1284898" y="5710334"/>
                </a:lnTo>
                <a:lnTo>
                  <a:pt x="1284898" y="5709890"/>
                </a:lnTo>
                <a:close/>
                <a:moveTo>
                  <a:pt x="1161397" y="5709890"/>
                </a:moveTo>
                <a:lnTo>
                  <a:pt x="1161397" y="5710334"/>
                </a:lnTo>
                <a:lnTo>
                  <a:pt x="1161841" y="5710334"/>
                </a:lnTo>
                <a:lnTo>
                  <a:pt x="1161841" y="5709890"/>
                </a:lnTo>
                <a:close/>
                <a:moveTo>
                  <a:pt x="1038340" y="5709890"/>
                </a:moveTo>
                <a:lnTo>
                  <a:pt x="1038340" y="5710334"/>
                </a:lnTo>
                <a:lnTo>
                  <a:pt x="1038784" y="5710334"/>
                </a:lnTo>
                <a:lnTo>
                  <a:pt x="1038784" y="5709890"/>
                </a:lnTo>
                <a:close/>
                <a:moveTo>
                  <a:pt x="3745675" y="5586833"/>
                </a:moveTo>
                <a:lnTo>
                  <a:pt x="3745675" y="5587277"/>
                </a:lnTo>
                <a:lnTo>
                  <a:pt x="3746119" y="5587277"/>
                </a:lnTo>
                <a:lnTo>
                  <a:pt x="3746119" y="5586833"/>
                </a:lnTo>
                <a:close/>
                <a:moveTo>
                  <a:pt x="3622617" y="5586833"/>
                </a:moveTo>
                <a:lnTo>
                  <a:pt x="3622617" y="5587277"/>
                </a:lnTo>
                <a:lnTo>
                  <a:pt x="3623061" y="5587277"/>
                </a:lnTo>
                <a:lnTo>
                  <a:pt x="3623061" y="5586833"/>
                </a:lnTo>
                <a:close/>
                <a:moveTo>
                  <a:pt x="3499523" y="5586833"/>
                </a:moveTo>
                <a:lnTo>
                  <a:pt x="3499523" y="5587277"/>
                </a:lnTo>
                <a:lnTo>
                  <a:pt x="3499967" y="5587277"/>
                </a:lnTo>
                <a:lnTo>
                  <a:pt x="3499967" y="5586833"/>
                </a:lnTo>
                <a:close/>
                <a:moveTo>
                  <a:pt x="3376466" y="5586833"/>
                </a:moveTo>
                <a:lnTo>
                  <a:pt x="3376466" y="5587277"/>
                </a:lnTo>
                <a:lnTo>
                  <a:pt x="3376910" y="5587277"/>
                </a:lnTo>
                <a:lnTo>
                  <a:pt x="3376910" y="5586833"/>
                </a:lnTo>
                <a:close/>
                <a:moveTo>
                  <a:pt x="3253408" y="5586833"/>
                </a:moveTo>
                <a:lnTo>
                  <a:pt x="3253408" y="5587277"/>
                </a:lnTo>
                <a:lnTo>
                  <a:pt x="3253852" y="5587277"/>
                </a:lnTo>
                <a:lnTo>
                  <a:pt x="3253852" y="5586833"/>
                </a:lnTo>
                <a:close/>
                <a:moveTo>
                  <a:pt x="3130351" y="5586833"/>
                </a:moveTo>
                <a:lnTo>
                  <a:pt x="3130351" y="5587277"/>
                </a:lnTo>
                <a:lnTo>
                  <a:pt x="3130795" y="5587277"/>
                </a:lnTo>
                <a:lnTo>
                  <a:pt x="3130795" y="5586833"/>
                </a:lnTo>
                <a:close/>
                <a:moveTo>
                  <a:pt x="3007294" y="5586833"/>
                </a:moveTo>
                <a:lnTo>
                  <a:pt x="3007294" y="5587277"/>
                </a:lnTo>
                <a:lnTo>
                  <a:pt x="3007738" y="5587277"/>
                </a:lnTo>
                <a:lnTo>
                  <a:pt x="3007738" y="5586833"/>
                </a:lnTo>
                <a:close/>
                <a:moveTo>
                  <a:pt x="2884237" y="5586833"/>
                </a:moveTo>
                <a:lnTo>
                  <a:pt x="2884237" y="5587277"/>
                </a:lnTo>
                <a:lnTo>
                  <a:pt x="2884681" y="5587277"/>
                </a:lnTo>
                <a:lnTo>
                  <a:pt x="2884681" y="5586833"/>
                </a:lnTo>
                <a:close/>
                <a:moveTo>
                  <a:pt x="2761179" y="5586833"/>
                </a:moveTo>
                <a:lnTo>
                  <a:pt x="2761179" y="5587277"/>
                </a:lnTo>
                <a:lnTo>
                  <a:pt x="2761623" y="5587277"/>
                </a:lnTo>
                <a:lnTo>
                  <a:pt x="2761623" y="5586833"/>
                </a:lnTo>
                <a:close/>
                <a:moveTo>
                  <a:pt x="2638122" y="5586833"/>
                </a:moveTo>
                <a:lnTo>
                  <a:pt x="2638122" y="5587277"/>
                </a:lnTo>
                <a:lnTo>
                  <a:pt x="2638566" y="5587277"/>
                </a:lnTo>
                <a:lnTo>
                  <a:pt x="2638566" y="5586833"/>
                </a:lnTo>
                <a:close/>
                <a:moveTo>
                  <a:pt x="2515065" y="5586833"/>
                </a:moveTo>
                <a:lnTo>
                  <a:pt x="2515065" y="5587277"/>
                </a:lnTo>
                <a:lnTo>
                  <a:pt x="2515509" y="5587277"/>
                </a:lnTo>
                <a:lnTo>
                  <a:pt x="2515509" y="5586833"/>
                </a:lnTo>
                <a:close/>
                <a:moveTo>
                  <a:pt x="2392007" y="5586833"/>
                </a:moveTo>
                <a:lnTo>
                  <a:pt x="2392007" y="5587277"/>
                </a:lnTo>
                <a:lnTo>
                  <a:pt x="2392451" y="5587277"/>
                </a:lnTo>
                <a:lnTo>
                  <a:pt x="2392451" y="5586833"/>
                </a:lnTo>
                <a:close/>
                <a:moveTo>
                  <a:pt x="2268950" y="5586833"/>
                </a:moveTo>
                <a:lnTo>
                  <a:pt x="2268950" y="5587277"/>
                </a:lnTo>
                <a:lnTo>
                  <a:pt x="2269394" y="5587277"/>
                </a:lnTo>
                <a:lnTo>
                  <a:pt x="2269394" y="5586833"/>
                </a:lnTo>
                <a:close/>
                <a:moveTo>
                  <a:pt x="2145893" y="5586833"/>
                </a:moveTo>
                <a:lnTo>
                  <a:pt x="2145893" y="5587277"/>
                </a:lnTo>
                <a:lnTo>
                  <a:pt x="2146337" y="5587277"/>
                </a:lnTo>
                <a:lnTo>
                  <a:pt x="2146337" y="5586833"/>
                </a:lnTo>
                <a:close/>
                <a:moveTo>
                  <a:pt x="2022835" y="5586833"/>
                </a:moveTo>
                <a:lnTo>
                  <a:pt x="2022835" y="5587277"/>
                </a:lnTo>
                <a:lnTo>
                  <a:pt x="2023279" y="5587277"/>
                </a:lnTo>
                <a:lnTo>
                  <a:pt x="2023279" y="5586833"/>
                </a:lnTo>
                <a:close/>
                <a:moveTo>
                  <a:pt x="1899741" y="5586833"/>
                </a:moveTo>
                <a:lnTo>
                  <a:pt x="1899741" y="5587277"/>
                </a:lnTo>
                <a:lnTo>
                  <a:pt x="1900185" y="5587277"/>
                </a:lnTo>
                <a:lnTo>
                  <a:pt x="1900185" y="5586833"/>
                </a:lnTo>
                <a:close/>
                <a:moveTo>
                  <a:pt x="1776684" y="5586833"/>
                </a:moveTo>
                <a:lnTo>
                  <a:pt x="1776684" y="5587277"/>
                </a:lnTo>
                <a:lnTo>
                  <a:pt x="1777128" y="5587277"/>
                </a:lnTo>
                <a:lnTo>
                  <a:pt x="1777128" y="5586833"/>
                </a:lnTo>
                <a:close/>
                <a:moveTo>
                  <a:pt x="1653626" y="5586833"/>
                </a:moveTo>
                <a:lnTo>
                  <a:pt x="1653626" y="5587277"/>
                </a:lnTo>
                <a:lnTo>
                  <a:pt x="1654070" y="5587277"/>
                </a:lnTo>
                <a:lnTo>
                  <a:pt x="1654070" y="5586833"/>
                </a:lnTo>
                <a:close/>
                <a:moveTo>
                  <a:pt x="1530569" y="5586833"/>
                </a:moveTo>
                <a:lnTo>
                  <a:pt x="1530569" y="5587277"/>
                </a:lnTo>
                <a:lnTo>
                  <a:pt x="1531013" y="5587277"/>
                </a:lnTo>
                <a:lnTo>
                  <a:pt x="1531013" y="5586833"/>
                </a:lnTo>
                <a:close/>
                <a:moveTo>
                  <a:pt x="1407512" y="5586833"/>
                </a:moveTo>
                <a:lnTo>
                  <a:pt x="1407512" y="5587277"/>
                </a:lnTo>
                <a:lnTo>
                  <a:pt x="1407956" y="5587277"/>
                </a:lnTo>
                <a:lnTo>
                  <a:pt x="1407956" y="5586833"/>
                </a:lnTo>
                <a:close/>
                <a:moveTo>
                  <a:pt x="1284454" y="5586833"/>
                </a:moveTo>
                <a:lnTo>
                  <a:pt x="1284454" y="5587277"/>
                </a:lnTo>
                <a:lnTo>
                  <a:pt x="1284898" y="5587277"/>
                </a:lnTo>
                <a:lnTo>
                  <a:pt x="1284898" y="5586833"/>
                </a:lnTo>
                <a:close/>
                <a:moveTo>
                  <a:pt x="1161397" y="5586833"/>
                </a:moveTo>
                <a:lnTo>
                  <a:pt x="1161397" y="5587277"/>
                </a:lnTo>
                <a:lnTo>
                  <a:pt x="1161841" y="5587277"/>
                </a:lnTo>
                <a:lnTo>
                  <a:pt x="1161841" y="5586833"/>
                </a:lnTo>
                <a:close/>
                <a:moveTo>
                  <a:pt x="1038340" y="5586833"/>
                </a:moveTo>
                <a:lnTo>
                  <a:pt x="1038340" y="5587277"/>
                </a:lnTo>
                <a:lnTo>
                  <a:pt x="1038784" y="5587277"/>
                </a:lnTo>
                <a:lnTo>
                  <a:pt x="1038784" y="5586833"/>
                </a:lnTo>
                <a:close/>
                <a:moveTo>
                  <a:pt x="915282" y="5586833"/>
                </a:moveTo>
                <a:lnTo>
                  <a:pt x="915282" y="5587277"/>
                </a:lnTo>
                <a:lnTo>
                  <a:pt x="915726" y="5587277"/>
                </a:lnTo>
                <a:lnTo>
                  <a:pt x="915726" y="5586833"/>
                </a:lnTo>
                <a:close/>
                <a:moveTo>
                  <a:pt x="3991789" y="5463776"/>
                </a:moveTo>
                <a:lnTo>
                  <a:pt x="3991789" y="5464220"/>
                </a:lnTo>
                <a:lnTo>
                  <a:pt x="3992234" y="5464220"/>
                </a:lnTo>
                <a:lnTo>
                  <a:pt x="3992234" y="5463776"/>
                </a:lnTo>
                <a:close/>
                <a:moveTo>
                  <a:pt x="3868732" y="5463776"/>
                </a:moveTo>
                <a:lnTo>
                  <a:pt x="3868732" y="5464220"/>
                </a:lnTo>
                <a:lnTo>
                  <a:pt x="3869176" y="5464220"/>
                </a:lnTo>
                <a:lnTo>
                  <a:pt x="3869176" y="5463776"/>
                </a:lnTo>
                <a:close/>
                <a:moveTo>
                  <a:pt x="3745675" y="5463776"/>
                </a:moveTo>
                <a:lnTo>
                  <a:pt x="3745675" y="5464220"/>
                </a:lnTo>
                <a:lnTo>
                  <a:pt x="3746119" y="5464220"/>
                </a:lnTo>
                <a:lnTo>
                  <a:pt x="3746119" y="5463776"/>
                </a:lnTo>
                <a:close/>
                <a:moveTo>
                  <a:pt x="3622617" y="5463776"/>
                </a:moveTo>
                <a:lnTo>
                  <a:pt x="3622617" y="5464220"/>
                </a:lnTo>
                <a:lnTo>
                  <a:pt x="3623061" y="5464220"/>
                </a:lnTo>
                <a:lnTo>
                  <a:pt x="3623061" y="5463776"/>
                </a:lnTo>
                <a:close/>
                <a:moveTo>
                  <a:pt x="3499523" y="5463776"/>
                </a:moveTo>
                <a:lnTo>
                  <a:pt x="3499523" y="5464220"/>
                </a:lnTo>
                <a:lnTo>
                  <a:pt x="3499967" y="5464220"/>
                </a:lnTo>
                <a:lnTo>
                  <a:pt x="3499967" y="5463776"/>
                </a:lnTo>
                <a:close/>
                <a:moveTo>
                  <a:pt x="3376466" y="5463776"/>
                </a:moveTo>
                <a:lnTo>
                  <a:pt x="3376466" y="5464220"/>
                </a:lnTo>
                <a:lnTo>
                  <a:pt x="3376910" y="5464220"/>
                </a:lnTo>
                <a:lnTo>
                  <a:pt x="3376910" y="5463776"/>
                </a:lnTo>
                <a:close/>
                <a:moveTo>
                  <a:pt x="3253408" y="5463776"/>
                </a:moveTo>
                <a:lnTo>
                  <a:pt x="3253408" y="5464220"/>
                </a:lnTo>
                <a:lnTo>
                  <a:pt x="3253852" y="5464220"/>
                </a:lnTo>
                <a:lnTo>
                  <a:pt x="3253852" y="5463776"/>
                </a:lnTo>
                <a:close/>
                <a:moveTo>
                  <a:pt x="3130351" y="5463776"/>
                </a:moveTo>
                <a:lnTo>
                  <a:pt x="3130351" y="5464220"/>
                </a:lnTo>
                <a:lnTo>
                  <a:pt x="3130795" y="5464220"/>
                </a:lnTo>
                <a:lnTo>
                  <a:pt x="3130795" y="5463776"/>
                </a:lnTo>
                <a:close/>
                <a:moveTo>
                  <a:pt x="3007294" y="5463776"/>
                </a:moveTo>
                <a:lnTo>
                  <a:pt x="3007294" y="5464220"/>
                </a:lnTo>
                <a:lnTo>
                  <a:pt x="3007738" y="5464220"/>
                </a:lnTo>
                <a:lnTo>
                  <a:pt x="3007738" y="5463776"/>
                </a:lnTo>
                <a:close/>
                <a:moveTo>
                  <a:pt x="2884237" y="5463776"/>
                </a:moveTo>
                <a:lnTo>
                  <a:pt x="2884237" y="5464220"/>
                </a:lnTo>
                <a:lnTo>
                  <a:pt x="2884681" y="5464220"/>
                </a:lnTo>
                <a:lnTo>
                  <a:pt x="2884681" y="5463776"/>
                </a:lnTo>
                <a:close/>
                <a:moveTo>
                  <a:pt x="2761179" y="5463776"/>
                </a:moveTo>
                <a:lnTo>
                  <a:pt x="2761179" y="5464220"/>
                </a:lnTo>
                <a:lnTo>
                  <a:pt x="2761623" y="5464220"/>
                </a:lnTo>
                <a:lnTo>
                  <a:pt x="2761623" y="5463776"/>
                </a:lnTo>
                <a:close/>
                <a:moveTo>
                  <a:pt x="2638122" y="5463776"/>
                </a:moveTo>
                <a:lnTo>
                  <a:pt x="2638122" y="5464220"/>
                </a:lnTo>
                <a:lnTo>
                  <a:pt x="2638566" y="5464220"/>
                </a:lnTo>
                <a:lnTo>
                  <a:pt x="2638566" y="5463776"/>
                </a:lnTo>
                <a:close/>
                <a:moveTo>
                  <a:pt x="2515065" y="5463776"/>
                </a:moveTo>
                <a:lnTo>
                  <a:pt x="2515065" y="5464220"/>
                </a:lnTo>
                <a:lnTo>
                  <a:pt x="2515509" y="5464220"/>
                </a:lnTo>
                <a:lnTo>
                  <a:pt x="2515509" y="5463776"/>
                </a:lnTo>
                <a:close/>
                <a:moveTo>
                  <a:pt x="2392007" y="5463776"/>
                </a:moveTo>
                <a:lnTo>
                  <a:pt x="2392007" y="5464220"/>
                </a:lnTo>
                <a:lnTo>
                  <a:pt x="2392451" y="5464220"/>
                </a:lnTo>
                <a:lnTo>
                  <a:pt x="2392451" y="5463776"/>
                </a:lnTo>
                <a:close/>
                <a:moveTo>
                  <a:pt x="2268950" y="5463776"/>
                </a:moveTo>
                <a:lnTo>
                  <a:pt x="2268950" y="5464220"/>
                </a:lnTo>
                <a:lnTo>
                  <a:pt x="2269394" y="5464220"/>
                </a:lnTo>
                <a:lnTo>
                  <a:pt x="2269394" y="5463776"/>
                </a:lnTo>
                <a:close/>
                <a:moveTo>
                  <a:pt x="2145893" y="5463776"/>
                </a:moveTo>
                <a:lnTo>
                  <a:pt x="2145893" y="5464220"/>
                </a:lnTo>
                <a:lnTo>
                  <a:pt x="2146337" y="5464220"/>
                </a:lnTo>
                <a:lnTo>
                  <a:pt x="2146337" y="5463776"/>
                </a:lnTo>
                <a:close/>
                <a:moveTo>
                  <a:pt x="2022835" y="5463776"/>
                </a:moveTo>
                <a:lnTo>
                  <a:pt x="2022835" y="5464220"/>
                </a:lnTo>
                <a:lnTo>
                  <a:pt x="2023279" y="5464220"/>
                </a:lnTo>
                <a:lnTo>
                  <a:pt x="2023279" y="5463776"/>
                </a:lnTo>
                <a:close/>
                <a:moveTo>
                  <a:pt x="1899741" y="5463776"/>
                </a:moveTo>
                <a:lnTo>
                  <a:pt x="1899741" y="5464220"/>
                </a:lnTo>
                <a:lnTo>
                  <a:pt x="1900185" y="5464220"/>
                </a:lnTo>
                <a:lnTo>
                  <a:pt x="1900185" y="5463776"/>
                </a:lnTo>
                <a:close/>
                <a:moveTo>
                  <a:pt x="1776684" y="5463776"/>
                </a:moveTo>
                <a:lnTo>
                  <a:pt x="1776684" y="5464220"/>
                </a:lnTo>
                <a:lnTo>
                  <a:pt x="1777128" y="5464220"/>
                </a:lnTo>
                <a:lnTo>
                  <a:pt x="1777128" y="5463776"/>
                </a:lnTo>
                <a:close/>
                <a:moveTo>
                  <a:pt x="1653626" y="5463776"/>
                </a:moveTo>
                <a:lnTo>
                  <a:pt x="1653626" y="5464220"/>
                </a:lnTo>
                <a:lnTo>
                  <a:pt x="1654070" y="5464220"/>
                </a:lnTo>
                <a:lnTo>
                  <a:pt x="1654070" y="5463776"/>
                </a:lnTo>
                <a:close/>
                <a:moveTo>
                  <a:pt x="1530569" y="5463776"/>
                </a:moveTo>
                <a:lnTo>
                  <a:pt x="1530569" y="5464220"/>
                </a:lnTo>
                <a:lnTo>
                  <a:pt x="1531013" y="5464220"/>
                </a:lnTo>
                <a:lnTo>
                  <a:pt x="1531013" y="5463776"/>
                </a:lnTo>
                <a:close/>
                <a:moveTo>
                  <a:pt x="1407512" y="5463776"/>
                </a:moveTo>
                <a:lnTo>
                  <a:pt x="1407512" y="5464220"/>
                </a:lnTo>
                <a:lnTo>
                  <a:pt x="1407956" y="5464220"/>
                </a:lnTo>
                <a:lnTo>
                  <a:pt x="1407956" y="5463776"/>
                </a:lnTo>
                <a:close/>
                <a:moveTo>
                  <a:pt x="1284454" y="5463776"/>
                </a:moveTo>
                <a:lnTo>
                  <a:pt x="1284454" y="5464220"/>
                </a:lnTo>
                <a:lnTo>
                  <a:pt x="1284898" y="5464220"/>
                </a:lnTo>
                <a:lnTo>
                  <a:pt x="1284898" y="5463776"/>
                </a:lnTo>
                <a:close/>
                <a:moveTo>
                  <a:pt x="1161397" y="5463776"/>
                </a:moveTo>
                <a:lnTo>
                  <a:pt x="1161397" y="5464220"/>
                </a:lnTo>
                <a:lnTo>
                  <a:pt x="1161841" y="5464220"/>
                </a:lnTo>
                <a:lnTo>
                  <a:pt x="1161841" y="5463776"/>
                </a:lnTo>
                <a:close/>
                <a:moveTo>
                  <a:pt x="1038340" y="5463776"/>
                </a:moveTo>
                <a:lnTo>
                  <a:pt x="1038340" y="5464220"/>
                </a:lnTo>
                <a:lnTo>
                  <a:pt x="1038784" y="5464220"/>
                </a:lnTo>
                <a:lnTo>
                  <a:pt x="1038784" y="5463776"/>
                </a:lnTo>
                <a:close/>
                <a:moveTo>
                  <a:pt x="915282" y="5463776"/>
                </a:moveTo>
                <a:lnTo>
                  <a:pt x="915282" y="5464220"/>
                </a:lnTo>
                <a:lnTo>
                  <a:pt x="915726" y="5464220"/>
                </a:lnTo>
                <a:lnTo>
                  <a:pt x="915726" y="5463776"/>
                </a:lnTo>
                <a:close/>
                <a:moveTo>
                  <a:pt x="792225" y="5463776"/>
                </a:moveTo>
                <a:lnTo>
                  <a:pt x="792225" y="5464220"/>
                </a:lnTo>
                <a:lnTo>
                  <a:pt x="792669" y="5464220"/>
                </a:lnTo>
                <a:lnTo>
                  <a:pt x="792669" y="5463776"/>
                </a:lnTo>
                <a:close/>
                <a:moveTo>
                  <a:pt x="53844" y="5463776"/>
                </a:moveTo>
                <a:lnTo>
                  <a:pt x="53844" y="5464220"/>
                </a:lnTo>
                <a:lnTo>
                  <a:pt x="54288" y="5464220"/>
                </a:lnTo>
                <a:lnTo>
                  <a:pt x="54288" y="5463776"/>
                </a:lnTo>
                <a:close/>
                <a:moveTo>
                  <a:pt x="3991789" y="5340718"/>
                </a:moveTo>
                <a:lnTo>
                  <a:pt x="3991789" y="5341162"/>
                </a:lnTo>
                <a:lnTo>
                  <a:pt x="3992234" y="5341162"/>
                </a:lnTo>
                <a:lnTo>
                  <a:pt x="3992234" y="5340718"/>
                </a:lnTo>
                <a:close/>
                <a:moveTo>
                  <a:pt x="3868732" y="5340718"/>
                </a:moveTo>
                <a:lnTo>
                  <a:pt x="3868732" y="5341162"/>
                </a:lnTo>
                <a:lnTo>
                  <a:pt x="3869176" y="5341162"/>
                </a:lnTo>
                <a:lnTo>
                  <a:pt x="3869176" y="5340718"/>
                </a:lnTo>
                <a:close/>
                <a:moveTo>
                  <a:pt x="3745675" y="5340718"/>
                </a:moveTo>
                <a:lnTo>
                  <a:pt x="3745675" y="5341162"/>
                </a:lnTo>
                <a:lnTo>
                  <a:pt x="3746119" y="5341162"/>
                </a:lnTo>
                <a:lnTo>
                  <a:pt x="3746119" y="5340718"/>
                </a:lnTo>
                <a:close/>
                <a:moveTo>
                  <a:pt x="3622617" y="5340718"/>
                </a:moveTo>
                <a:lnTo>
                  <a:pt x="3622617" y="5341162"/>
                </a:lnTo>
                <a:lnTo>
                  <a:pt x="3623061" y="5341162"/>
                </a:lnTo>
                <a:lnTo>
                  <a:pt x="3623061" y="5340718"/>
                </a:lnTo>
                <a:close/>
                <a:moveTo>
                  <a:pt x="3499523" y="5340718"/>
                </a:moveTo>
                <a:lnTo>
                  <a:pt x="3499523" y="5341162"/>
                </a:lnTo>
                <a:lnTo>
                  <a:pt x="3499967" y="5341162"/>
                </a:lnTo>
                <a:lnTo>
                  <a:pt x="3499967" y="5340718"/>
                </a:lnTo>
                <a:close/>
                <a:moveTo>
                  <a:pt x="3376466" y="5340718"/>
                </a:moveTo>
                <a:lnTo>
                  <a:pt x="3376466" y="5341162"/>
                </a:lnTo>
                <a:lnTo>
                  <a:pt x="3376910" y="5341162"/>
                </a:lnTo>
                <a:lnTo>
                  <a:pt x="3376910" y="5340718"/>
                </a:lnTo>
                <a:close/>
                <a:moveTo>
                  <a:pt x="3253408" y="5340718"/>
                </a:moveTo>
                <a:lnTo>
                  <a:pt x="3253408" y="5341162"/>
                </a:lnTo>
                <a:lnTo>
                  <a:pt x="3253852" y="5341162"/>
                </a:lnTo>
                <a:lnTo>
                  <a:pt x="3253852" y="5340718"/>
                </a:lnTo>
                <a:close/>
                <a:moveTo>
                  <a:pt x="3130351" y="5340718"/>
                </a:moveTo>
                <a:lnTo>
                  <a:pt x="3130351" y="5341162"/>
                </a:lnTo>
                <a:lnTo>
                  <a:pt x="3130795" y="5341162"/>
                </a:lnTo>
                <a:lnTo>
                  <a:pt x="3130795" y="5340718"/>
                </a:lnTo>
                <a:close/>
                <a:moveTo>
                  <a:pt x="3007294" y="5340718"/>
                </a:moveTo>
                <a:lnTo>
                  <a:pt x="3007294" y="5341162"/>
                </a:lnTo>
                <a:lnTo>
                  <a:pt x="3007738" y="5341162"/>
                </a:lnTo>
                <a:lnTo>
                  <a:pt x="3007738" y="5340718"/>
                </a:lnTo>
                <a:close/>
                <a:moveTo>
                  <a:pt x="2884237" y="5340718"/>
                </a:moveTo>
                <a:lnTo>
                  <a:pt x="2884237" y="5341162"/>
                </a:lnTo>
                <a:lnTo>
                  <a:pt x="2884681" y="5341162"/>
                </a:lnTo>
                <a:lnTo>
                  <a:pt x="2884681" y="5340718"/>
                </a:lnTo>
                <a:close/>
                <a:moveTo>
                  <a:pt x="2761179" y="5340718"/>
                </a:moveTo>
                <a:lnTo>
                  <a:pt x="2761179" y="5341162"/>
                </a:lnTo>
                <a:lnTo>
                  <a:pt x="2761623" y="5341162"/>
                </a:lnTo>
                <a:lnTo>
                  <a:pt x="2761623" y="5340718"/>
                </a:lnTo>
                <a:close/>
                <a:moveTo>
                  <a:pt x="2638122" y="5340718"/>
                </a:moveTo>
                <a:lnTo>
                  <a:pt x="2638122" y="5341162"/>
                </a:lnTo>
                <a:lnTo>
                  <a:pt x="2638566" y="5341162"/>
                </a:lnTo>
                <a:lnTo>
                  <a:pt x="2638566" y="5340718"/>
                </a:lnTo>
                <a:close/>
                <a:moveTo>
                  <a:pt x="2515065" y="5340718"/>
                </a:moveTo>
                <a:lnTo>
                  <a:pt x="2515065" y="5341162"/>
                </a:lnTo>
                <a:lnTo>
                  <a:pt x="2515509" y="5341162"/>
                </a:lnTo>
                <a:lnTo>
                  <a:pt x="2515509" y="5340718"/>
                </a:lnTo>
                <a:close/>
                <a:moveTo>
                  <a:pt x="2392007" y="5340718"/>
                </a:moveTo>
                <a:lnTo>
                  <a:pt x="2392007" y="5341162"/>
                </a:lnTo>
                <a:lnTo>
                  <a:pt x="2392451" y="5341162"/>
                </a:lnTo>
                <a:lnTo>
                  <a:pt x="2392451" y="5340718"/>
                </a:lnTo>
                <a:close/>
                <a:moveTo>
                  <a:pt x="1161397" y="5340718"/>
                </a:moveTo>
                <a:lnTo>
                  <a:pt x="1161397" y="5341162"/>
                </a:lnTo>
                <a:lnTo>
                  <a:pt x="1161841" y="5341162"/>
                </a:lnTo>
                <a:lnTo>
                  <a:pt x="1161841" y="5340718"/>
                </a:lnTo>
                <a:close/>
                <a:moveTo>
                  <a:pt x="1038340" y="5340718"/>
                </a:moveTo>
                <a:lnTo>
                  <a:pt x="1038340" y="5341162"/>
                </a:lnTo>
                <a:lnTo>
                  <a:pt x="1038784" y="5341162"/>
                </a:lnTo>
                <a:lnTo>
                  <a:pt x="1038784" y="5340718"/>
                </a:lnTo>
                <a:close/>
                <a:moveTo>
                  <a:pt x="915282" y="5340718"/>
                </a:moveTo>
                <a:lnTo>
                  <a:pt x="915282" y="5341162"/>
                </a:lnTo>
                <a:lnTo>
                  <a:pt x="915726" y="5341162"/>
                </a:lnTo>
                <a:lnTo>
                  <a:pt x="915726" y="5340718"/>
                </a:lnTo>
                <a:close/>
                <a:moveTo>
                  <a:pt x="792225" y="5340718"/>
                </a:moveTo>
                <a:lnTo>
                  <a:pt x="792225" y="5341162"/>
                </a:lnTo>
                <a:lnTo>
                  <a:pt x="792669" y="5341162"/>
                </a:lnTo>
                <a:lnTo>
                  <a:pt x="792669" y="5340718"/>
                </a:lnTo>
                <a:close/>
                <a:moveTo>
                  <a:pt x="299959" y="5340718"/>
                </a:moveTo>
                <a:lnTo>
                  <a:pt x="299959" y="5341162"/>
                </a:lnTo>
                <a:lnTo>
                  <a:pt x="300403" y="5341162"/>
                </a:lnTo>
                <a:lnTo>
                  <a:pt x="300403" y="5340718"/>
                </a:lnTo>
                <a:close/>
                <a:moveTo>
                  <a:pt x="176901" y="5340718"/>
                </a:moveTo>
                <a:lnTo>
                  <a:pt x="176901" y="5341162"/>
                </a:lnTo>
                <a:lnTo>
                  <a:pt x="177345" y="5341162"/>
                </a:lnTo>
                <a:lnTo>
                  <a:pt x="177345" y="5340718"/>
                </a:lnTo>
                <a:close/>
                <a:moveTo>
                  <a:pt x="53844" y="5340718"/>
                </a:moveTo>
                <a:lnTo>
                  <a:pt x="53844" y="5341162"/>
                </a:lnTo>
                <a:lnTo>
                  <a:pt x="54288" y="5341162"/>
                </a:lnTo>
                <a:lnTo>
                  <a:pt x="54288" y="5340718"/>
                </a:lnTo>
                <a:close/>
                <a:moveTo>
                  <a:pt x="2268728" y="5340533"/>
                </a:moveTo>
                <a:lnTo>
                  <a:pt x="2268728" y="5341385"/>
                </a:lnTo>
                <a:lnTo>
                  <a:pt x="2269580" y="5341385"/>
                </a:lnTo>
                <a:lnTo>
                  <a:pt x="2269580" y="5340533"/>
                </a:lnTo>
                <a:close/>
                <a:moveTo>
                  <a:pt x="2145670" y="5340533"/>
                </a:moveTo>
                <a:lnTo>
                  <a:pt x="2145670" y="5341385"/>
                </a:lnTo>
                <a:lnTo>
                  <a:pt x="2146522" y="5341385"/>
                </a:lnTo>
                <a:lnTo>
                  <a:pt x="2146522" y="5340533"/>
                </a:lnTo>
                <a:close/>
                <a:moveTo>
                  <a:pt x="2022613" y="5340533"/>
                </a:moveTo>
                <a:lnTo>
                  <a:pt x="2022613" y="5341385"/>
                </a:lnTo>
                <a:lnTo>
                  <a:pt x="2023465" y="5341385"/>
                </a:lnTo>
                <a:lnTo>
                  <a:pt x="2023465" y="5340533"/>
                </a:lnTo>
                <a:close/>
                <a:moveTo>
                  <a:pt x="1899556" y="5340533"/>
                </a:moveTo>
                <a:lnTo>
                  <a:pt x="1899556" y="5341385"/>
                </a:lnTo>
                <a:lnTo>
                  <a:pt x="1900408" y="5341385"/>
                </a:lnTo>
                <a:lnTo>
                  <a:pt x="1900408" y="5340533"/>
                </a:lnTo>
                <a:close/>
                <a:moveTo>
                  <a:pt x="1776498" y="5340533"/>
                </a:moveTo>
                <a:lnTo>
                  <a:pt x="1776498" y="5341385"/>
                </a:lnTo>
                <a:lnTo>
                  <a:pt x="1777350" y="5341385"/>
                </a:lnTo>
                <a:lnTo>
                  <a:pt x="1777350" y="5340533"/>
                </a:lnTo>
                <a:close/>
                <a:moveTo>
                  <a:pt x="1653404" y="5340533"/>
                </a:moveTo>
                <a:lnTo>
                  <a:pt x="1653404" y="5341385"/>
                </a:lnTo>
                <a:lnTo>
                  <a:pt x="1654256" y="5341385"/>
                </a:lnTo>
                <a:lnTo>
                  <a:pt x="1654256" y="5340533"/>
                </a:lnTo>
                <a:close/>
                <a:moveTo>
                  <a:pt x="1530347" y="5340533"/>
                </a:moveTo>
                <a:lnTo>
                  <a:pt x="1530347" y="5341385"/>
                </a:lnTo>
                <a:lnTo>
                  <a:pt x="1531199" y="5341385"/>
                </a:lnTo>
                <a:lnTo>
                  <a:pt x="1531199" y="5340533"/>
                </a:lnTo>
                <a:close/>
                <a:moveTo>
                  <a:pt x="1407289" y="5340533"/>
                </a:moveTo>
                <a:lnTo>
                  <a:pt x="1407289" y="5341385"/>
                </a:lnTo>
                <a:lnTo>
                  <a:pt x="1408141" y="5341385"/>
                </a:lnTo>
                <a:lnTo>
                  <a:pt x="1408141" y="5340533"/>
                </a:lnTo>
                <a:close/>
                <a:moveTo>
                  <a:pt x="1284232" y="5340533"/>
                </a:moveTo>
                <a:lnTo>
                  <a:pt x="1284232" y="5341385"/>
                </a:lnTo>
                <a:lnTo>
                  <a:pt x="1285084" y="5341385"/>
                </a:lnTo>
                <a:lnTo>
                  <a:pt x="1285084" y="5340533"/>
                </a:lnTo>
                <a:close/>
                <a:moveTo>
                  <a:pt x="3991789" y="5217661"/>
                </a:moveTo>
                <a:lnTo>
                  <a:pt x="3991789" y="5218105"/>
                </a:lnTo>
                <a:lnTo>
                  <a:pt x="3992234" y="5218105"/>
                </a:lnTo>
                <a:lnTo>
                  <a:pt x="3992234" y="5217661"/>
                </a:lnTo>
                <a:close/>
                <a:moveTo>
                  <a:pt x="3868732" y="5217661"/>
                </a:moveTo>
                <a:lnTo>
                  <a:pt x="3868732" y="5218105"/>
                </a:lnTo>
                <a:lnTo>
                  <a:pt x="3869176" y="5218105"/>
                </a:lnTo>
                <a:lnTo>
                  <a:pt x="3869176" y="5217661"/>
                </a:lnTo>
                <a:close/>
                <a:moveTo>
                  <a:pt x="3745675" y="5217661"/>
                </a:moveTo>
                <a:lnTo>
                  <a:pt x="3745675" y="5218105"/>
                </a:lnTo>
                <a:lnTo>
                  <a:pt x="3746119" y="5218105"/>
                </a:lnTo>
                <a:lnTo>
                  <a:pt x="3746119" y="5217661"/>
                </a:lnTo>
                <a:close/>
                <a:moveTo>
                  <a:pt x="3622617" y="5217661"/>
                </a:moveTo>
                <a:lnTo>
                  <a:pt x="3622617" y="5218105"/>
                </a:lnTo>
                <a:lnTo>
                  <a:pt x="3623061" y="5218105"/>
                </a:lnTo>
                <a:lnTo>
                  <a:pt x="3623061" y="5217661"/>
                </a:lnTo>
                <a:close/>
                <a:moveTo>
                  <a:pt x="3499523" y="5217661"/>
                </a:moveTo>
                <a:lnTo>
                  <a:pt x="3499523" y="5218105"/>
                </a:lnTo>
                <a:lnTo>
                  <a:pt x="3499967" y="5218105"/>
                </a:lnTo>
                <a:lnTo>
                  <a:pt x="3499967" y="5217661"/>
                </a:lnTo>
                <a:close/>
                <a:moveTo>
                  <a:pt x="3376466" y="5217661"/>
                </a:moveTo>
                <a:lnTo>
                  <a:pt x="3376466" y="5218105"/>
                </a:lnTo>
                <a:lnTo>
                  <a:pt x="3376910" y="5218105"/>
                </a:lnTo>
                <a:lnTo>
                  <a:pt x="3376910" y="5217661"/>
                </a:lnTo>
                <a:close/>
                <a:moveTo>
                  <a:pt x="3253408" y="5217661"/>
                </a:moveTo>
                <a:lnTo>
                  <a:pt x="3253408" y="5218105"/>
                </a:lnTo>
                <a:lnTo>
                  <a:pt x="3253852" y="5218105"/>
                </a:lnTo>
                <a:lnTo>
                  <a:pt x="3253852" y="5217661"/>
                </a:lnTo>
                <a:close/>
                <a:moveTo>
                  <a:pt x="3130351" y="5217661"/>
                </a:moveTo>
                <a:lnTo>
                  <a:pt x="3130351" y="5218105"/>
                </a:lnTo>
                <a:lnTo>
                  <a:pt x="3130795" y="5218105"/>
                </a:lnTo>
                <a:lnTo>
                  <a:pt x="3130795" y="5217661"/>
                </a:lnTo>
                <a:close/>
                <a:moveTo>
                  <a:pt x="3007294" y="5217661"/>
                </a:moveTo>
                <a:lnTo>
                  <a:pt x="3007294" y="5218105"/>
                </a:lnTo>
                <a:lnTo>
                  <a:pt x="3007738" y="5218105"/>
                </a:lnTo>
                <a:lnTo>
                  <a:pt x="3007738" y="5217661"/>
                </a:lnTo>
                <a:close/>
                <a:moveTo>
                  <a:pt x="2884237" y="5217661"/>
                </a:moveTo>
                <a:lnTo>
                  <a:pt x="2884237" y="5218105"/>
                </a:lnTo>
                <a:lnTo>
                  <a:pt x="2884681" y="5218105"/>
                </a:lnTo>
                <a:lnTo>
                  <a:pt x="2884681" y="5217661"/>
                </a:lnTo>
                <a:close/>
                <a:moveTo>
                  <a:pt x="2761179" y="5217661"/>
                </a:moveTo>
                <a:lnTo>
                  <a:pt x="2761179" y="5218105"/>
                </a:lnTo>
                <a:lnTo>
                  <a:pt x="2761623" y="5218105"/>
                </a:lnTo>
                <a:lnTo>
                  <a:pt x="2761623" y="5217661"/>
                </a:lnTo>
                <a:close/>
                <a:moveTo>
                  <a:pt x="792225" y="5217661"/>
                </a:moveTo>
                <a:lnTo>
                  <a:pt x="792225" y="5218105"/>
                </a:lnTo>
                <a:lnTo>
                  <a:pt x="792669" y="5218105"/>
                </a:lnTo>
                <a:lnTo>
                  <a:pt x="792669" y="5217661"/>
                </a:lnTo>
                <a:close/>
                <a:moveTo>
                  <a:pt x="669168" y="5217661"/>
                </a:moveTo>
                <a:lnTo>
                  <a:pt x="669168" y="5218105"/>
                </a:lnTo>
                <a:lnTo>
                  <a:pt x="669612" y="5218105"/>
                </a:lnTo>
                <a:lnTo>
                  <a:pt x="669612" y="5217661"/>
                </a:lnTo>
                <a:close/>
                <a:moveTo>
                  <a:pt x="423053" y="5217661"/>
                </a:moveTo>
                <a:lnTo>
                  <a:pt x="423053" y="5218105"/>
                </a:lnTo>
                <a:lnTo>
                  <a:pt x="423497" y="5218105"/>
                </a:lnTo>
                <a:lnTo>
                  <a:pt x="423497" y="5217661"/>
                </a:lnTo>
                <a:close/>
                <a:moveTo>
                  <a:pt x="299959" y="5217661"/>
                </a:moveTo>
                <a:lnTo>
                  <a:pt x="299959" y="5218105"/>
                </a:lnTo>
                <a:lnTo>
                  <a:pt x="300403" y="5218105"/>
                </a:lnTo>
                <a:lnTo>
                  <a:pt x="300403" y="5217661"/>
                </a:lnTo>
                <a:close/>
                <a:moveTo>
                  <a:pt x="176901" y="5217661"/>
                </a:moveTo>
                <a:lnTo>
                  <a:pt x="176901" y="5218105"/>
                </a:lnTo>
                <a:lnTo>
                  <a:pt x="177345" y="5218105"/>
                </a:lnTo>
                <a:lnTo>
                  <a:pt x="177345" y="5217661"/>
                </a:lnTo>
                <a:close/>
                <a:moveTo>
                  <a:pt x="53844" y="5217661"/>
                </a:moveTo>
                <a:lnTo>
                  <a:pt x="53844" y="5218105"/>
                </a:lnTo>
                <a:lnTo>
                  <a:pt x="54288" y="5218105"/>
                </a:lnTo>
                <a:lnTo>
                  <a:pt x="54288" y="5217661"/>
                </a:lnTo>
                <a:close/>
                <a:moveTo>
                  <a:pt x="2637900" y="5217475"/>
                </a:moveTo>
                <a:lnTo>
                  <a:pt x="2637900" y="5218327"/>
                </a:lnTo>
                <a:lnTo>
                  <a:pt x="2638752" y="5218327"/>
                </a:lnTo>
                <a:lnTo>
                  <a:pt x="2638752" y="5217475"/>
                </a:lnTo>
                <a:close/>
                <a:moveTo>
                  <a:pt x="2514842" y="5217475"/>
                </a:moveTo>
                <a:lnTo>
                  <a:pt x="2514842" y="5218327"/>
                </a:lnTo>
                <a:lnTo>
                  <a:pt x="2515694" y="5218327"/>
                </a:lnTo>
                <a:lnTo>
                  <a:pt x="2515694" y="5217475"/>
                </a:lnTo>
                <a:close/>
                <a:moveTo>
                  <a:pt x="2391785" y="5217475"/>
                </a:moveTo>
                <a:lnTo>
                  <a:pt x="2391785" y="5218327"/>
                </a:lnTo>
                <a:lnTo>
                  <a:pt x="2392637" y="5218327"/>
                </a:lnTo>
                <a:lnTo>
                  <a:pt x="2392637" y="5217475"/>
                </a:lnTo>
                <a:close/>
                <a:moveTo>
                  <a:pt x="2268728" y="5217475"/>
                </a:moveTo>
                <a:lnTo>
                  <a:pt x="2268728" y="5218327"/>
                </a:lnTo>
                <a:lnTo>
                  <a:pt x="2269580" y="5218327"/>
                </a:lnTo>
                <a:lnTo>
                  <a:pt x="2269580" y="5217475"/>
                </a:lnTo>
                <a:close/>
                <a:moveTo>
                  <a:pt x="2145670" y="5217475"/>
                </a:moveTo>
                <a:lnTo>
                  <a:pt x="2145670" y="5218327"/>
                </a:lnTo>
                <a:lnTo>
                  <a:pt x="2146522" y="5218327"/>
                </a:lnTo>
                <a:lnTo>
                  <a:pt x="2146522" y="5217475"/>
                </a:lnTo>
                <a:close/>
                <a:moveTo>
                  <a:pt x="1161175" y="5217475"/>
                </a:moveTo>
                <a:lnTo>
                  <a:pt x="1161175" y="5218327"/>
                </a:lnTo>
                <a:lnTo>
                  <a:pt x="1162027" y="5218327"/>
                </a:lnTo>
                <a:lnTo>
                  <a:pt x="1162027" y="5217475"/>
                </a:lnTo>
                <a:close/>
                <a:moveTo>
                  <a:pt x="1038117" y="5217475"/>
                </a:moveTo>
                <a:lnTo>
                  <a:pt x="1038117" y="5218327"/>
                </a:lnTo>
                <a:lnTo>
                  <a:pt x="1038969" y="5218327"/>
                </a:lnTo>
                <a:lnTo>
                  <a:pt x="1038969" y="5217475"/>
                </a:lnTo>
                <a:close/>
                <a:moveTo>
                  <a:pt x="915060" y="5217475"/>
                </a:moveTo>
                <a:lnTo>
                  <a:pt x="915060" y="5218327"/>
                </a:lnTo>
                <a:lnTo>
                  <a:pt x="915912" y="5218327"/>
                </a:lnTo>
                <a:lnTo>
                  <a:pt x="915912" y="5217475"/>
                </a:lnTo>
                <a:close/>
                <a:moveTo>
                  <a:pt x="2022391" y="5217216"/>
                </a:moveTo>
                <a:lnTo>
                  <a:pt x="2022391" y="5218512"/>
                </a:lnTo>
                <a:lnTo>
                  <a:pt x="2023687" y="5218512"/>
                </a:lnTo>
                <a:lnTo>
                  <a:pt x="2023687" y="5217216"/>
                </a:lnTo>
                <a:close/>
                <a:moveTo>
                  <a:pt x="1899334" y="5217216"/>
                </a:moveTo>
                <a:lnTo>
                  <a:pt x="1899334" y="5218512"/>
                </a:lnTo>
                <a:lnTo>
                  <a:pt x="1900630" y="5218512"/>
                </a:lnTo>
                <a:lnTo>
                  <a:pt x="1900630" y="5217216"/>
                </a:lnTo>
                <a:close/>
                <a:moveTo>
                  <a:pt x="1776276" y="5217216"/>
                </a:moveTo>
                <a:lnTo>
                  <a:pt x="1776276" y="5218512"/>
                </a:lnTo>
                <a:lnTo>
                  <a:pt x="1777572" y="5218512"/>
                </a:lnTo>
                <a:lnTo>
                  <a:pt x="1777572" y="5217216"/>
                </a:lnTo>
                <a:close/>
                <a:moveTo>
                  <a:pt x="1653219" y="5217216"/>
                </a:moveTo>
                <a:lnTo>
                  <a:pt x="1653219" y="5218512"/>
                </a:lnTo>
                <a:lnTo>
                  <a:pt x="1654515" y="5218512"/>
                </a:lnTo>
                <a:lnTo>
                  <a:pt x="1654515" y="5217216"/>
                </a:lnTo>
                <a:close/>
                <a:moveTo>
                  <a:pt x="1530162" y="5217216"/>
                </a:moveTo>
                <a:lnTo>
                  <a:pt x="1530162" y="5218512"/>
                </a:lnTo>
                <a:lnTo>
                  <a:pt x="1531458" y="5218512"/>
                </a:lnTo>
                <a:lnTo>
                  <a:pt x="1531458" y="5217216"/>
                </a:lnTo>
                <a:close/>
                <a:moveTo>
                  <a:pt x="1407067" y="5217216"/>
                </a:moveTo>
                <a:lnTo>
                  <a:pt x="1407067" y="5218512"/>
                </a:lnTo>
                <a:lnTo>
                  <a:pt x="1408363" y="5218512"/>
                </a:lnTo>
                <a:lnTo>
                  <a:pt x="1408363" y="5217216"/>
                </a:lnTo>
                <a:close/>
                <a:moveTo>
                  <a:pt x="1284010" y="5217216"/>
                </a:moveTo>
                <a:lnTo>
                  <a:pt x="1284010" y="5218512"/>
                </a:lnTo>
                <a:lnTo>
                  <a:pt x="1285306" y="5218512"/>
                </a:lnTo>
                <a:lnTo>
                  <a:pt x="1285306" y="5217216"/>
                </a:lnTo>
                <a:close/>
                <a:moveTo>
                  <a:pt x="4114847" y="5094604"/>
                </a:moveTo>
                <a:lnTo>
                  <a:pt x="4114847" y="5095048"/>
                </a:lnTo>
                <a:lnTo>
                  <a:pt x="4115291" y="5095048"/>
                </a:lnTo>
                <a:lnTo>
                  <a:pt x="4115291" y="5094604"/>
                </a:lnTo>
                <a:close/>
                <a:moveTo>
                  <a:pt x="3991789" y="5094604"/>
                </a:moveTo>
                <a:lnTo>
                  <a:pt x="3991789" y="5095048"/>
                </a:lnTo>
                <a:lnTo>
                  <a:pt x="3992234" y="5095048"/>
                </a:lnTo>
                <a:lnTo>
                  <a:pt x="3992234" y="5094604"/>
                </a:lnTo>
                <a:close/>
                <a:moveTo>
                  <a:pt x="3868732" y="5094604"/>
                </a:moveTo>
                <a:lnTo>
                  <a:pt x="3868732" y="5095048"/>
                </a:lnTo>
                <a:lnTo>
                  <a:pt x="3869176" y="5095048"/>
                </a:lnTo>
                <a:lnTo>
                  <a:pt x="3869176" y="5094604"/>
                </a:lnTo>
                <a:close/>
                <a:moveTo>
                  <a:pt x="3745675" y="5094604"/>
                </a:moveTo>
                <a:lnTo>
                  <a:pt x="3745675" y="5095048"/>
                </a:lnTo>
                <a:lnTo>
                  <a:pt x="3746119" y="5095048"/>
                </a:lnTo>
                <a:lnTo>
                  <a:pt x="3746119" y="5094604"/>
                </a:lnTo>
                <a:close/>
                <a:moveTo>
                  <a:pt x="3622617" y="5094604"/>
                </a:moveTo>
                <a:lnTo>
                  <a:pt x="3622617" y="5095048"/>
                </a:lnTo>
                <a:lnTo>
                  <a:pt x="3623061" y="5095048"/>
                </a:lnTo>
                <a:lnTo>
                  <a:pt x="3623061" y="5094604"/>
                </a:lnTo>
                <a:close/>
                <a:moveTo>
                  <a:pt x="3499523" y="5094604"/>
                </a:moveTo>
                <a:lnTo>
                  <a:pt x="3499523" y="5095048"/>
                </a:lnTo>
                <a:lnTo>
                  <a:pt x="3499967" y="5095048"/>
                </a:lnTo>
                <a:lnTo>
                  <a:pt x="3499967" y="5094604"/>
                </a:lnTo>
                <a:close/>
                <a:moveTo>
                  <a:pt x="3376466" y="5094604"/>
                </a:moveTo>
                <a:lnTo>
                  <a:pt x="3376466" y="5095048"/>
                </a:lnTo>
                <a:lnTo>
                  <a:pt x="3376910" y="5095048"/>
                </a:lnTo>
                <a:lnTo>
                  <a:pt x="3376910" y="5094604"/>
                </a:lnTo>
                <a:close/>
                <a:moveTo>
                  <a:pt x="3253408" y="5094604"/>
                </a:moveTo>
                <a:lnTo>
                  <a:pt x="3253408" y="5095048"/>
                </a:lnTo>
                <a:lnTo>
                  <a:pt x="3253852" y="5095048"/>
                </a:lnTo>
                <a:lnTo>
                  <a:pt x="3253852" y="5094604"/>
                </a:lnTo>
                <a:close/>
                <a:moveTo>
                  <a:pt x="3130351" y="5094604"/>
                </a:moveTo>
                <a:lnTo>
                  <a:pt x="3130351" y="5095048"/>
                </a:lnTo>
                <a:lnTo>
                  <a:pt x="3130795" y="5095048"/>
                </a:lnTo>
                <a:lnTo>
                  <a:pt x="3130795" y="5094604"/>
                </a:lnTo>
                <a:close/>
                <a:moveTo>
                  <a:pt x="3007294" y="5094604"/>
                </a:moveTo>
                <a:lnTo>
                  <a:pt x="3007294" y="5095048"/>
                </a:lnTo>
                <a:lnTo>
                  <a:pt x="3007738" y="5095048"/>
                </a:lnTo>
                <a:lnTo>
                  <a:pt x="3007738" y="5094604"/>
                </a:lnTo>
                <a:close/>
                <a:moveTo>
                  <a:pt x="669168" y="5094604"/>
                </a:moveTo>
                <a:lnTo>
                  <a:pt x="669168" y="5095048"/>
                </a:lnTo>
                <a:lnTo>
                  <a:pt x="669612" y="5095048"/>
                </a:lnTo>
                <a:lnTo>
                  <a:pt x="669612" y="5094604"/>
                </a:lnTo>
                <a:close/>
                <a:moveTo>
                  <a:pt x="546110" y="5094604"/>
                </a:moveTo>
                <a:lnTo>
                  <a:pt x="546110" y="5095048"/>
                </a:lnTo>
                <a:lnTo>
                  <a:pt x="546554" y="5095048"/>
                </a:lnTo>
                <a:lnTo>
                  <a:pt x="546554" y="5094604"/>
                </a:lnTo>
                <a:close/>
                <a:moveTo>
                  <a:pt x="423053" y="5094604"/>
                </a:moveTo>
                <a:lnTo>
                  <a:pt x="423053" y="5095048"/>
                </a:lnTo>
                <a:lnTo>
                  <a:pt x="423497" y="5095048"/>
                </a:lnTo>
                <a:lnTo>
                  <a:pt x="423497" y="5094604"/>
                </a:lnTo>
                <a:close/>
                <a:moveTo>
                  <a:pt x="2884014" y="5094381"/>
                </a:moveTo>
                <a:lnTo>
                  <a:pt x="2884014" y="5095233"/>
                </a:lnTo>
                <a:lnTo>
                  <a:pt x="2884866" y="5095233"/>
                </a:lnTo>
                <a:lnTo>
                  <a:pt x="2884866" y="5094381"/>
                </a:lnTo>
                <a:close/>
                <a:moveTo>
                  <a:pt x="2760957" y="5094381"/>
                </a:moveTo>
                <a:lnTo>
                  <a:pt x="2760957" y="5095233"/>
                </a:lnTo>
                <a:lnTo>
                  <a:pt x="2761809" y="5095233"/>
                </a:lnTo>
                <a:lnTo>
                  <a:pt x="2761809" y="5094381"/>
                </a:lnTo>
                <a:close/>
                <a:moveTo>
                  <a:pt x="2637900" y="5094381"/>
                </a:moveTo>
                <a:lnTo>
                  <a:pt x="2637900" y="5095233"/>
                </a:lnTo>
                <a:lnTo>
                  <a:pt x="2638752" y="5095233"/>
                </a:lnTo>
                <a:lnTo>
                  <a:pt x="2638752" y="5094381"/>
                </a:lnTo>
                <a:close/>
                <a:moveTo>
                  <a:pt x="792003" y="5094381"/>
                </a:moveTo>
                <a:lnTo>
                  <a:pt x="792003" y="5095233"/>
                </a:lnTo>
                <a:lnTo>
                  <a:pt x="792855" y="5095233"/>
                </a:lnTo>
                <a:lnTo>
                  <a:pt x="792855" y="5094381"/>
                </a:lnTo>
                <a:close/>
                <a:moveTo>
                  <a:pt x="299774" y="5094381"/>
                </a:moveTo>
                <a:lnTo>
                  <a:pt x="299774" y="5095233"/>
                </a:lnTo>
                <a:lnTo>
                  <a:pt x="300626" y="5095233"/>
                </a:lnTo>
                <a:lnTo>
                  <a:pt x="300626" y="5094381"/>
                </a:lnTo>
                <a:close/>
                <a:moveTo>
                  <a:pt x="176716" y="5094381"/>
                </a:moveTo>
                <a:lnTo>
                  <a:pt x="176716" y="5095233"/>
                </a:lnTo>
                <a:lnTo>
                  <a:pt x="177568" y="5095233"/>
                </a:lnTo>
                <a:lnTo>
                  <a:pt x="177568" y="5094381"/>
                </a:lnTo>
                <a:close/>
                <a:moveTo>
                  <a:pt x="53622" y="5094381"/>
                </a:moveTo>
                <a:lnTo>
                  <a:pt x="53622" y="5095233"/>
                </a:lnTo>
                <a:lnTo>
                  <a:pt x="54474" y="5095233"/>
                </a:lnTo>
                <a:lnTo>
                  <a:pt x="54474" y="5094381"/>
                </a:lnTo>
                <a:close/>
                <a:moveTo>
                  <a:pt x="2514620" y="5094159"/>
                </a:moveTo>
                <a:lnTo>
                  <a:pt x="2514620" y="5095455"/>
                </a:lnTo>
                <a:lnTo>
                  <a:pt x="2515916" y="5095455"/>
                </a:lnTo>
                <a:lnTo>
                  <a:pt x="2515916" y="5094159"/>
                </a:lnTo>
                <a:close/>
                <a:moveTo>
                  <a:pt x="2391563" y="5094159"/>
                </a:moveTo>
                <a:lnTo>
                  <a:pt x="2391563" y="5095455"/>
                </a:lnTo>
                <a:lnTo>
                  <a:pt x="2392859" y="5095455"/>
                </a:lnTo>
                <a:lnTo>
                  <a:pt x="2392859" y="5094159"/>
                </a:lnTo>
                <a:close/>
                <a:moveTo>
                  <a:pt x="2268506" y="5094159"/>
                </a:moveTo>
                <a:lnTo>
                  <a:pt x="2268506" y="5095455"/>
                </a:lnTo>
                <a:lnTo>
                  <a:pt x="2269802" y="5095455"/>
                </a:lnTo>
                <a:lnTo>
                  <a:pt x="2269802" y="5094159"/>
                </a:lnTo>
                <a:close/>
                <a:moveTo>
                  <a:pt x="1037895" y="5094159"/>
                </a:moveTo>
                <a:lnTo>
                  <a:pt x="1037895" y="5095455"/>
                </a:lnTo>
                <a:lnTo>
                  <a:pt x="1039191" y="5095455"/>
                </a:lnTo>
                <a:lnTo>
                  <a:pt x="1039191" y="5094159"/>
                </a:lnTo>
                <a:close/>
                <a:moveTo>
                  <a:pt x="914838" y="5094159"/>
                </a:moveTo>
                <a:lnTo>
                  <a:pt x="914838" y="5095455"/>
                </a:lnTo>
                <a:lnTo>
                  <a:pt x="916134" y="5095455"/>
                </a:lnTo>
                <a:lnTo>
                  <a:pt x="916134" y="5094159"/>
                </a:lnTo>
                <a:close/>
                <a:moveTo>
                  <a:pt x="2145226" y="5093937"/>
                </a:moveTo>
                <a:lnTo>
                  <a:pt x="2145226" y="5095677"/>
                </a:lnTo>
                <a:lnTo>
                  <a:pt x="2146966" y="5095677"/>
                </a:lnTo>
                <a:lnTo>
                  <a:pt x="2146966" y="5093937"/>
                </a:lnTo>
                <a:close/>
                <a:moveTo>
                  <a:pt x="2022169" y="5093937"/>
                </a:moveTo>
                <a:lnTo>
                  <a:pt x="2022169" y="5095677"/>
                </a:lnTo>
                <a:lnTo>
                  <a:pt x="2023909" y="5095677"/>
                </a:lnTo>
                <a:lnTo>
                  <a:pt x="2023909" y="5093937"/>
                </a:lnTo>
                <a:close/>
                <a:moveTo>
                  <a:pt x="1899111" y="5093937"/>
                </a:moveTo>
                <a:lnTo>
                  <a:pt x="1899111" y="5095677"/>
                </a:lnTo>
                <a:lnTo>
                  <a:pt x="1900851" y="5095677"/>
                </a:lnTo>
                <a:lnTo>
                  <a:pt x="1900851" y="5093937"/>
                </a:lnTo>
                <a:close/>
                <a:moveTo>
                  <a:pt x="1776054" y="5093937"/>
                </a:moveTo>
                <a:lnTo>
                  <a:pt x="1776054" y="5095677"/>
                </a:lnTo>
                <a:lnTo>
                  <a:pt x="1777795" y="5095677"/>
                </a:lnTo>
                <a:lnTo>
                  <a:pt x="1777795" y="5093937"/>
                </a:lnTo>
                <a:close/>
                <a:moveTo>
                  <a:pt x="1652997" y="5093937"/>
                </a:moveTo>
                <a:lnTo>
                  <a:pt x="1652997" y="5095677"/>
                </a:lnTo>
                <a:lnTo>
                  <a:pt x="1654737" y="5095677"/>
                </a:lnTo>
                <a:lnTo>
                  <a:pt x="1654737" y="5093937"/>
                </a:lnTo>
                <a:close/>
                <a:moveTo>
                  <a:pt x="1529939" y="5093937"/>
                </a:moveTo>
                <a:lnTo>
                  <a:pt x="1529939" y="5095677"/>
                </a:lnTo>
                <a:lnTo>
                  <a:pt x="1531680" y="5095677"/>
                </a:lnTo>
                <a:lnTo>
                  <a:pt x="1531680" y="5093937"/>
                </a:lnTo>
                <a:close/>
                <a:moveTo>
                  <a:pt x="1406882" y="5093937"/>
                </a:moveTo>
                <a:lnTo>
                  <a:pt x="1406882" y="5095677"/>
                </a:lnTo>
                <a:lnTo>
                  <a:pt x="1408623" y="5095677"/>
                </a:lnTo>
                <a:lnTo>
                  <a:pt x="1408623" y="5093937"/>
                </a:lnTo>
                <a:close/>
                <a:moveTo>
                  <a:pt x="1283825" y="5093937"/>
                </a:moveTo>
                <a:lnTo>
                  <a:pt x="1283825" y="5095677"/>
                </a:lnTo>
                <a:lnTo>
                  <a:pt x="1285565" y="5095677"/>
                </a:lnTo>
                <a:lnTo>
                  <a:pt x="1285565" y="5093937"/>
                </a:lnTo>
                <a:close/>
                <a:moveTo>
                  <a:pt x="1160730" y="5093937"/>
                </a:moveTo>
                <a:lnTo>
                  <a:pt x="1160730" y="5095677"/>
                </a:lnTo>
                <a:lnTo>
                  <a:pt x="1162471" y="5095677"/>
                </a:lnTo>
                <a:lnTo>
                  <a:pt x="1162471" y="5093937"/>
                </a:lnTo>
                <a:close/>
                <a:moveTo>
                  <a:pt x="4114847" y="4971546"/>
                </a:moveTo>
                <a:lnTo>
                  <a:pt x="4114847" y="4971990"/>
                </a:lnTo>
                <a:lnTo>
                  <a:pt x="4115291" y="4971990"/>
                </a:lnTo>
                <a:lnTo>
                  <a:pt x="4115291" y="4971546"/>
                </a:lnTo>
                <a:close/>
                <a:moveTo>
                  <a:pt x="3991789" y="4971546"/>
                </a:moveTo>
                <a:lnTo>
                  <a:pt x="3991789" y="4971990"/>
                </a:lnTo>
                <a:lnTo>
                  <a:pt x="3992234" y="4971990"/>
                </a:lnTo>
                <a:lnTo>
                  <a:pt x="3992234" y="4971546"/>
                </a:lnTo>
                <a:close/>
                <a:moveTo>
                  <a:pt x="3868732" y="4971546"/>
                </a:moveTo>
                <a:lnTo>
                  <a:pt x="3868732" y="4971990"/>
                </a:lnTo>
                <a:lnTo>
                  <a:pt x="3869176" y="4971990"/>
                </a:lnTo>
                <a:lnTo>
                  <a:pt x="3869176" y="4971546"/>
                </a:lnTo>
                <a:close/>
                <a:moveTo>
                  <a:pt x="3745675" y="4971546"/>
                </a:moveTo>
                <a:lnTo>
                  <a:pt x="3745675" y="4971990"/>
                </a:lnTo>
                <a:lnTo>
                  <a:pt x="3746119" y="4971990"/>
                </a:lnTo>
                <a:lnTo>
                  <a:pt x="3746119" y="4971546"/>
                </a:lnTo>
                <a:close/>
                <a:moveTo>
                  <a:pt x="3622617" y="4971546"/>
                </a:moveTo>
                <a:lnTo>
                  <a:pt x="3622617" y="4971990"/>
                </a:lnTo>
                <a:lnTo>
                  <a:pt x="3623061" y="4971990"/>
                </a:lnTo>
                <a:lnTo>
                  <a:pt x="3623061" y="4971546"/>
                </a:lnTo>
                <a:close/>
                <a:moveTo>
                  <a:pt x="3499523" y="4971546"/>
                </a:moveTo>
                <a:lnTo>
                  <a:pt x="3499523" y="4971990"/>
                </a:lnTo>
                <a:lnTo>
                  <a:pt x="3499967" y="4971990"/>
                </a:lnTo>
                <a:lnTo>
                  <a:pt x="3499967" y="4971546"/>
                </a:lnTo>
                <a:close/>
                <a:moveTo>
                  <a:pt x="3376466" y="4971546"/>
                </a:moveTo>
                <a:lnTo>
                  <a:pt x="3376466" y="4971990"/>
                </a:lnTo>
                <a:lnTo>
                  <a:pt x="3376910" y="4971990"/>
                </a:lnTo>
                <a:lnTo>
                  <a:pt x="3376910" y="4971546"/>
                </a:lnTo>
                <a:close/>
                <a:moveTo>
                  <a:pt x="3253408" y="4971546"/>
                </a:moveTo>
                <a:lnTo>
                  <a:pt x="3253408" y="4971990"/>
                </a:lnTo>
                <a:lnTo>
                  <a:pt x="3253852" y="4971990"/>
                </a:lnTo>
                <a:lnTo>
                  <a:pt x="3253852" y="4971546"/>
                </a:lnTo>
                <a:close/>
                <a:moveTo>
                  <a:pt x="3130129" y="4971324"/>
                </a:moveTo>
                <a:lnTo>
                  <a:pt x="3130129" y="4972176"/>
                </a:lnTo>
                <a:lnTo>
                  <a:pt x="3130981" y="4972176"/>
                </a:lnTo>
                <a:lnTo>
                  <a:pt x="3130981" y="4971324"/>
                </a:lnTo>
                <a:close/>
                <a:moveTo>
                  <a:pt x="3007072" y="4971324"/>
                </a:moveTo>
                <a:lnTo>
                  <a:pt x="3007072" y="4972176"/>
                </a:lnTo>
                <a:lnTo>
                  <a:pt x="3007924" y="4972176"/>
                </a:lnTo>
                <a:lnTo>
                  <a:pt x="3007924" y="4971324"/>
                </a:lnTo>
                <a:close/>
                <a:moveTo>
                  <a:pt x="2884014" y="4971324"/>
                </a:moveTo>
                <a:lnTo>
                  <a:pt x="2884014" y="4972176"/>
                </a:lnTo>
                <a:lnTo>
                  <a:pt x="2884866" y="4972176"/>
                </a:lnTo>
                <a:lnTo>
                  <a:pt x="2884866" y="4971324"/>
                </a:lnTo>
                <a:close/>
                <a:moveTo>
                  <a:pt x="2760957" y="4971324"/>
                </a:moveTo>
                <a:lnTo>
                  <a:pt x="2760957" y="4972176"/>
                </a:lnTo>
                <a:lnTo>
                  <a:pt x="2761809" y="4972176"/>
                </a:lnTo>
                <a:lnTo>
                  <a:pt x="2761809" y="4971324"/>
                </a:lnTo>
                <a:close/>
                <a:moveTo>
                  <a:pt x="545888" y="4971324"/>
                </a:moveTo>
                <a:lnTo>
                  <a:pt x="545888" y="4972176"/>
                </a:lnTo>
                <a:lnTo>
                  <a:pt x="546740" y="4972176"/>
                </a:lnTo>
                <a:lnTo>
                  <a:pt x="546740" y="4971324"/>
                </a:lnTo>
                <a:close/>
                <a:moveTo>
                  <a:pt x="2637677" y="4971102"/>
                </a:moveTo>
                <a:lnTo>
                  <a:pt x="2637677" y="4972398"/>
                </a:lnTo>
                <a:lnTo>
                  <a:pt x="2638973" y="4972398"/>
                </a:lnTo>
                <a:lnTo>
                  <a:pt x="2638973" y="4971102"/>
                </a:lnTo>
                <a:close/>
                <a:moveTo>
                  <a:pt x="2514620" y="4971102"/>
                </a:moveTo>
                <a:lnTo>
                  <a:pt x="2514620" y="4972398"/>
                </a:lnTo>
                <a:lnTo>
                  <a:pt x="2515916" y="4972398"/>
                </a:lnTo>
                <a:lnTo>
                  <a:pt x="2515916" y="4971102"/>
                </a:lnTo>
                <a:close/>
                <a:moveTo>
                  <a:pt x="668723" y="4971102"/>
                </a:moveTo>
                <a:lnTo>
                  <a:pt x="668723" y="4972398"/>
                </a:lnTo>
                <a:lnTo>
                  <a:pt x="670019" y="4972398"/>
                </a:lnTo>
                <a:lnTo>
                  <a:pt x="670019" y="4971102"/>
                </a:lnTo>
                <a:close/>
                <a:moveTo>
                  <a:pt x="422609" y="4971102"/>
                </a:moveTo>
                <a:lnTo>
                  <a:pt x="422609" y="4972398"/>
                </a:lnTo>
                <a:lnTo>
                  <a:pt x="423905" y="4972398"/>
                </a:lnTo>
                <a:lnTo>
                  <a:pt x="423905" y="4971102"/>
                </a:lnTo>
                <a:close/>
                <a:moveTo>
                  <a:pt x="2391341" y="4970879"/>
                </a:moveTo>
                <a:lnTo>
                  <a:pt x="2391341" y="4972620"/>
                </a:lnTo>
                <a:lnTo>
                  <a:pt x="2393081" y="4972620"/>
                </a:lnTo>
                <a:lnTo>
                  <a:pt x="2393081" y="4970879"/>
                </a:lnTo>
                <a:close/>
                <a:moveTo>
                  <a:pt x="2268283" y="4970879"/>
                </a:moveTo>
                <a:lnTo>
                  <a:pt x="2268283" y="4972620"/>
                </a:lnTo>
                <a:lnTo>
                  <a:pt x="2270023" y="4972620"/>
                </a:lnTo>
                <a:lnTo>
                  <a:pt x="2270023" y="4970879"/>
                </a:lnTo>
                <a:close/>
                <a:moveTo>
                  <a:pt x="791558" y="4970879"/>
                </a:moveTo>
                <a:lnTo>
                  <a:pt x="791558" y="4972620"/>
                </a:lnTo>
                <a:lnTo>
                  <a:pt x="793299" y="4972620"/>
                </a:lnTo>
                <a:lnTo>
                  <a:pt x="793299" y="4970879"/>
                </a:lnTo>
                <a:close/>
                <a:moveTo>
                  <a:pt x="299329" y="4970879"/>
                </a:moveTo>
                <a:lnTo>
                  <a:pt x="299329" y="4972620"/>
                </a:lnTo>
                <a:lnTo>
                  <a:pt x="301070" y="4972620"/>
                </a:lnTo>
                <a:lnTo>
                  <a:pt x="301070" y="4970879"/>
                </a:lnTo>
                <a:close/>
                <a:moveTo>
                  <a:pt x="176272" y="4970879"/>
                </a:moveTo>
                <a:lnTo>
                  <a:pt x="176272" y="4972620"/>
                </a:lnTo>
                <a:lnTo>
                  <a:pt x="178013" y="4972620"/>
                </a:lnTo>
                <a:lnTo>
                  <a:pt x="178013" y="4970879"/>
                </a:lnTo>
                <a:close/>
                <a:moveTo>
                  <a:pt x="2145004" y="4970657"/>
                </a:moveTo>
                <a:lnTo>
                  <a:pt x="2145004" y="4972842"/>
                </a:lnTo>
                <a:lnTo>
                  <a:pt x="2147189" y="4972842"/>
                </a:lnTo>
                <a:lnTo>
                  <a:pt x="2147189" y="4970657"/>
                </a:lnTo>
                <a:close/>
                <a:moveTo>
                  <a:pt x="2021946" y="4970657"/>
                </a:moveTo>
                <a:lnTo>
                  <a:pt x="2021946" y="4972842"/>
                </a:lnTo>
                <a:lnTo>
                  <a:pt x="2024131" y="4972842"/>
                </a:lnTo>
                <a:lnTo>
                  <a:pt x="2024131" y="4970657"/>
                </a:lnTo>
                <a:close/>
                <a:moveTo>
                  <a:pt x="1898889" y="4970657"/>
                </a:moveTo>
                <a:lnTo>
                  <a:pt x="1898889" y="4972842"/>
                </a:lnTo>
                <a:lnTo>
                  <a:pt x="1901074" y="4972842"/>
                </a:lnTo>
                <a:lnTo>
                  <a:pt x="1901074" y="4970657"/>
                </a:lnTo>
                <a:close/>
                <a:moveTo>
                  <a:pt x="1037451" y="4970657"/>
                </a:moveTo>
                <a:lnTo>
                  <a:pt x="1037451" y="4972842"/>
                </a:lnTo>
                <a:lnTo>
                  <a:pt x="1039636" y="4972842"/>
                </a:lnTo>
                <a:lnTo>
                  <a:pt x="1039636" y="4970657"/>
                </a:lnTo>
                <a:close/>
                <a:moveTo>
                  <a:pt x="914394" y="4970657"/>
                </a:moveTo>
                <a:lnTo>
                  <a:pt x="914394" y="4972842"/>
                </a:lnTo>
                <a:lnTo>
                  <a:pt x="916579" y="4972842"/>
                </a:lnTo>
                <a:lnTo>
                  <a:pt x="916579" y="4970657"/>
                </a:lnTo>
                <a:close/>
                <a:moveTo>
                  <a:pt x="52992" y="4970657"/>
                </a:moveTo>
                <a:lnTo>
                  <a:pt x="52992" y="4972842"/>
                </a:lnTo>
                <a:lnTo>
                  <a:pt x="55177" y="4972842"/>
                </a:lnTo>
                <a:lnTo>
                  <a:pt x="55177" y="4970657"/>
                </a:lnTo>
                <a:close/>
                <a:moveTo>
                  <a:pt x="1775610" y="4970472"/>
                </a:moveTo>
                <a:lnTo>
                  <a:pt x="1775610" y="4973064"/>
                </a:lnTo>
                <a:lnTo>
                  <a:pt x="1778202" y="4973064"/>
                </a:lnTo>
                <a:lnTo>
                  <a:pt x="1778202" y="4970472"/>
                </a:lnTo>
                <a:close/>
                <a:moveTo>
                  <a:pt x="1652552" y="4970472"/>
                </a:moveTo>
                <a:lnTo>
                  <a:pt x="1652552" y="4973064"/>
                </a:lnTo>
                <a:lnTo>
                  <a:pt x="1655144" y="4973064"/>
                </a:lnTo>
                <a:lnTo>
                  <a:pt x="1655144" y="4970472"/>
                </a:lnTo>
                <a:close/>
                <a:moveTo>
                  <a:pt x="1529495" y="4970472"/>
                </a:moveTo>
                <a:lnTo>
                  <a:pt x="1529495" y="4973064"/>
                </a:lnTo>
                <a:lnTo>
                  <a:pt x="1532087" y="4973064"/>
                </a:lnTo>
                <a:lnTo>
                  <a:pt x="1532087" y="4970472"/>
                </a:lnTo>
                <a:close/>
                <a:moveTo>
                  <a:pt x="1406438" y="4970472"/>
                </a:moveTo>
                <a:lnTo>
                  <a:pt x="1406438" y="4973064"/>
                </a:lnTo>
                <a:lnTo>
                  <a:pt x="1409030" y="4973064"/>
                </a:lnTo>
                <a:lnTo>
                  <a:pt x="1409030" y="4970472"/>
                </a:lnTo>
                <a:close/>
                <a:moveTo>
                  <a:pt x="1283380" y="4970472"/>
                </a:moveTo>
                <a:lnTo>
                  <a:pt x="1283380" y="4973064"/>
                </a:lnTo>
                <a:lnTo>
                  <a:pt x="1285972" y="4973064"/>
                </a:lnTo>
                <a:lnTo>
                  <a:pt x="1285972" y="4970472"/>
                </a:lnTo>
                <a:close/>
                <a:moveTo>
                  <a:pt x="1160323" y="4970472"/>
                </a:moveTo>
                <a:lnTo>
                  <a:pt x="1160323" y="4973064"/>
                </a:lnTo>
                <a:lnTo>
                  <a:pt x="1162915" y="4973064"/>
                </a:lnTo>
                <a:lnTo>
                  <a:pt x="1162915" y="4970472"/>
                </a:lnTo>
                <a:close/>
                <a:moveTo>
                  <a:pt x="4237904" y="4848452"/>
                </a:moveTo>
                <a:lnTo>
                  <a:pt x="4237904" y="4848896"/>
                </a:lnTo>
                <a:lnTo>
                  <a:pt x="4238348" y="4848896"/>
                </a:lnTo>
                <a:lnTo>
                  <a:pt x="4238348" y="4848452"/>
                </a:lnTo>
                <a:close/>
                <a:moveTo>
                  <a:pt x="4114847" y="4848452"/>
                </a:moveTo>
                <a:lnTo>
                  <a:pt x="4114847" y="4848896"/>
                </a:lnTo>
                <a:lnTo>
                  <a:pt x="4115291" y="4848896"/>
                </a:lnTo>
                <a:lnTo>
                  <a:pt x="4115291" y="4848452"/>
                </a:lnTo>
                <a:close/>
                <a:moveTo>
                  <a:pt x="3991789" y="4848452"/>
                </a:moveTo>
                <a:lnTo>
                  <a:pt x="3991789" y="4848896"/>
                </a:lnTo>
                <a:lnTo>
                  <a:pt x="3992234" y="4848896"/>
                </a:lnTo>
                <a:lnTo>
                  <a:pt x="3992234" y="4848452"/>
                </a:lnTo>
                <a:close/>
                <a:moveTo>
                  <a:pt x="3868732" y="4848452"/>
                </a:moveTo>
                <a:lnTo>
                  <a:pt x="3868732" y="4848896"/>
                </a:lnTo>
                <a:lnTo>
                  <a:pt x="3869176" y="4848896"/>
                </a:lnTo>
                <a:lnTo>
                  <a:pt x="3869176" y="4848452"/>
                </a:lnTo>
                <a:close/>
                <a:moveTo>
                  <a:pt x="3745675" y="4848452"/>
                </a:moveTo>
                <a:lnTo>
                  <a:pt x="3745675" y="4848896"/>
                </a:lnTo>
                <a:lnTo>
                  <a:pt x="3746119" y="4848896"/>
                </a:lnTo>
                <a:lnTo>
                  <a:pt x="3746119" y="4848452"/>
                </a:lnTo>
                <a:close/>
                <a:moveTo>
                  <a:pt x="3622617" y="4848452"/>
                </a:moveTo>
                <a:lnTo>
                  <a:pt x="3622617" y="4848896"/>
                </a:lnTo>
                <a:lnTo>
                  <a:pt x="3623061" y="4848896"/>
                </a:lnTo>
                <a:lnTo>
                  <a:pt x="3623061" y="4848452"/>
                </a:lnTo>
                <a:close/>
                <a:moveTo>
                  <a:pt x="3499523" y="4848452"/>
                </a:moveTo>
                <a:lnTo>
                  <a:pt x="3499523" y="4848896"/>
                </a:lnTo>
                <a:lnTo>
                  <a:pt x="3499967" y="4848896"/>
                </a:lnTo>
                <a:lnTo>
                  <a:pt x="3499967" y="4848452"/>
                </a:lnTo>
                <a:close/>
                <a:moveTo>
                  <a:pt x="3376466" y="4848452"/>
                </a:moveTo>
                <a:lnTo>
                  <a:pt x="3376466" y="4848896"/>
                </a:lnTo>
                <a:lnTo>
                  <a:pt x="3376910" y="4848896"/>
                </a:lnTo>
                <a:lnTo>
                  <a:pt x="3376910" y="4848452"/>
                </a:lnTo>
                <a:close/>
                <a:moveTo>
                  <a:pt x="3253186" y="4848266"/>
                </a:moveTo>
                <a:lnTo>
                  <a:pt x="3253186" y="4849118"/>
                </a:lnTo>
                <a:lnTo>
                  <a:pt x="3254038" y="4849118"/>
                </a:lnTo>
                <a:lnTo>
                  <a:pt x="3254038" y="4848266"/>
                </a:lnTo>
                <a:close/>
                <a:moveTo>
                  <a:pt x="3130129" y="4848266"/>
                </a:moveTo>
                <a:lnTo>
                  <a:pt x="3130129" y="4849118"/>
                </a:lnTo>
                <a:lnTo>
                  <a:pt x="3130981" y="4849118"/>
                </a:lnTo>
                <a:lnTo>
                  <a:pt x="3130981" y="4848266"/>
                </a:lnTo>
                <a:close/>
                <a:moveTo>
                  <a:pt x="3007072" y="4848266"/>
                </a:moveTo>
                <a:lnTo>
                  <a:pt x="3007072" y="4849118"/>
                </a:lnTo>
                <a:lnTo>
                  <a:pt x="3007924" y="4849118"/>
                </a:lnTo>
                <a:lnTo>
                  <a:pt x="3007924" y="4848266"/>
                </a:lnTo>
                <a:close/>
                <a:moveTo>
                  <a:pt x="2883792" y="4848044"/>
                </a:moveTo>
                <a:lnTo>
                  <a:pt x="2883792" y="4849340"/>
                </a:lnTo>
                <a:lnTo>
                  <a:pt x="2885088" y="4849340"/>
                </a:lnTo>
                <a:lnTo>
                  <a:pt x="2885088" y="4848044"/>
                </a:lnTo>
                <a:close/>
                <a:moveTo>
                  <a:pt x="2760735" y="4848044"/>
                </a:moveTo>
                <a:lnTo>
                  <a:pt x="2760735" y="4849340"/>
                </a:lnTo>
                <a:lnTo>
                  <a:pt x="2762031" y="4849340"/>
                </a:lnTo>
                <a:lnTo>
                  <a:pt x="2762031" y="4848044"/>
                </a:lnTo>
                <a:close/>
                <a:moveTo>
                  <a:pt x="2637455" y="4847822"/>
                </a:moveTo>
                <a:lnTo>
                  <a:pt x="2637455" y="4849563"/>
                </a:lnTo>
                <a:lnTo>
                  <a:pt x="2639195" y="4849563"/>
                </a:lnTo>
                <a:lnTo>
                  <a:pt x="2639195" y="4847822"/>
                </a:lnTo>
                <a:close/>
                <a:moveTo>
                  <a:pt x="2514398" y="4847822"/>
                </a:moveTo>
                <a:lnTo>
                  <a:pt x="2514398" y="4849563"/>
                </a:lnTo>
                <a:lnTo>
                  <a:pt x="2516138" y="4849563"/>
                </a:lnTo>
                <a:lnTo>
                  <a:pt x="2516138" y="4847822"/>
                </a:lnTo>
                <a:close/>
                <a:moveTo>
                  <a:pt x="2391118" y="4847600"/>
                </a:moveTo>
                <a:lnTo>
                  <a:pt x="2391118" y="4849785"/>
                </a:lnTo>
                <a:lnTo>
                  <a:pt x="2393303" y="4849785"/>
                </a:lnTo>
                <a:lnTo>
                  <a:pt x="2393303" y="4847600"/>
                </a:lnTo>
                <a:close/>
                <a:moveTo>
                  <a:pt x="2268061" y="4847600"/>
                </a:moveTo>
                <a:lnTo>
                  <a:pt x="2268061" y="4849785"/>
                </a:lnTo>
                <a:lnTo>
                  <a:pt x="2270246" y="4849785"/>
                </a:lnTo>
                <a:lnTo>
                  <a:pt x="2270246" y="4847600"/>
                </a:lnTo>
                <a:close/>
                <a:moveTo>
                  <a:pt x="2144782" y="4847415"/>
                </a:moveTo>
                <a:lnTo>
                  <a:pt x="2144782" y="4850007"/>
                </a:lnTo>
                <a:lnTo>
                  <a:pt x="2147374" y="4850007"/>
                </a:lnTo>
                <a:lnTo>
                  <a:pt x="2147374" y="4847415"/>
                </a:lnTo>
                <a:close/>
                <a:moveTo>
                  <a:pt x="668057" y="4847415"/>
                </a:moveTo>
                <a:lnTo>
                  <a:pt x="668057" y="4850007"/>
                </a:lnTo>
                <a:lnTo>
                  <a:pt x="670649" y="4850007"/>
                </a:lnTo>
                <a:lnTo>
                  <a:pt x="670649" y="4847415"/>
                </a:lnTo>
                <a:close/>
                <a:moveTo>
                  <a:pt x="544999" y="4847415"/>
                </a:moveTo>
                <a:lnTo>
                  <a:pt x="544999" y="4850007"/>
                </a:lnTo>
                <a:lnTo>
                  <a:pt x="547591" y="4850007"/>
                </a:lnTo>
                <a:lnTo>
                  <a:pt x="547591" y="4847415"/>
                </a:lnTo>
                <a:close/>
                <a:moveTo>
                  <a:pt x="2021502" y="4847192"/>
                </a:moveTo>
                <a:lnTo>
                  <a:pt x="2021502" y="4850229"/>
                </a:lnTo>
                <a:lnTo>
                  <a:pt x="2024539" y="4850229"/>
                </a:lnTo>
                <a:lnTo>
                  <a:pt x="2024539" y="4847192"/>
                </a:lnTo>
                <a:close/>
                <a:moveTo>
                  <a:pt x="1898445" y="4847192"/>
                </a:moveTo>
                <a:lnTo>
                  <a:pt x="1898445" y="4850229"/>
                </a:lnTo>
                <a:lnTo>
                  <a:pt x="1901482" y="4850229"/>
                </a:lnTo>
                <a:lnTo>
                  <a:pt x="1901482" y="4847192"/>
                </a:lnTo>
                <a:close/>
                <a:moveTo>
                  <a:pt x="790929" y="4847192"/>
                </a:moveTo>
                <a:lnTo>
                  <a:pt x="790929" y="4850229"/>
                </a:lnTo>
                <a:lnTo>
                  <a:pt x="793966" y="4850229"/>
                </a:lnTo>
                <a:lnTo>
                  <a:pt x="793966" y="4847192"/>
                </a:lnTo>
                <a:close/>
                <a:moveTo>
                  <a:pt x="421720" y="4847192"/>
                </a:moveTo>
                <a:lnTo>
                  <a:pt x="421720" y="4850229"/>
                </a:lnTo>
                <a:lnTo>
                  <a:pt x="424757" y="4850229"/>
                </a:lnTo>
                <a:lnTo>
                  <a:pt x="424757" y="4847192"/>
                </a:lnTo>
                <a:close/>
                <a:moveTo>
                  <a:pt x="298663" y="4847192"/>
                </a:moveTo>
                <a:lnTo>
                  <a:pt x="298663" y="4850229"/>
                </a:lnTo>
                <a:lnTo>
                  <a:pt x="301700" y="4850229"/>
                </a:lnTo>
                <a:lnTo>
                  <a:pt x="301700" y="4847192"/>
                </a:lnTo>
                <a:close/>
                <a:moveTo>
                  <a:pt x="1775165" y="4846970"/>
                </a:moveTo>
                <a:lnTo>
                  <a:pt x="1775165" y="4850451"/>
                </a:lnTo>
                <a:lnTo>
                  <a:pt x="1778646" y="4850451"/>
                </a:lnTo>
                <a:lnTo>
                  <a:pt x="1778646" y="4846970"/>
                </a:lnTo>
                <a:close/>
                <a:moveTo>
                  <a:pt x="1652108" y="4846970"/>
                </a:moveTo>
                <a:lnTo>
                  <a:pt x="1652108" y="4850451"/>
                </a:lnTo>
                <a:lnTo>
                  <a:pt x="1655589" y="4850451"/>
                </a:lnTo>
                <a:lnTo>
                  <a:pt x="1655589" y="4846970"/>
                </a:lnTo>
                <a:close/>
                <a:moveTo>
                  <a:pt x="1529051" y="4846970"/>
                </a:moveTo>
                <a:lnTo>
                  <a:pt x="1529051" y="4850451"/>
                </a:lnTo>
                <a:lnTo>
                  <a:pt x="1532532" y="4850451"/>
                </a:lnTo>
                <a:lnTo>
                  <a:pt x="1532532" y="4846970"/>
                </a:lnTo>
                <a:close/>
                <a:moveTo>
                  <a:pt x="1405993" y="4846970"/>
                </a:moveTo>
                <a:lnTo>
                  <a:pt x="1405993" y="4850451"/>
                </a:lnTo>
                <a:lnTo>
                  <a:pt x="1409474" y="4850451"/>
                </a:lnTo>
                <a:lnTo>
                  <a:pt x="1409474" y="4846970"/>
                </a:lnTo>
                <a:close/>
                <a:moveTo>
                  <a:pt x="1282936" y="4846970"/>
                </a:moveTo>
                <a:lnTo>
                  <a:pt x="1282936" y="4850451"/>
                </a:lnTo>
                <a:lnTo>
                  <a:pt x="1286417" y="4850451"/>
                </a:lnTo>
                <a:lnTo>
                  <a:pt x="1286417" y="4846970"/>
                </a:lnTo>
                <a:close/>
                <a:moveTo>
                  <a:pt x="1159879" y="4846970"/>
                </a:moveTo>
                <a:lnTo>
                  <a:pt x="1159879" y="4850451"/>
                </a:lnTo>
                <a:lnTo>
                  <a:pt x="1163360" y="4850451"/>
                </a:lnTo>
                <a:lnTo>
                  <a:pt x="1163360" y="4846970"/>
                </a:lnTo>
                <a:close/>
                <a:moveTo>
                  <a:pt x="1036821" y="4846970"/>
                </a:moveTo>
                <a:lnTo>
                  <a:pt x="1036821" y="4850451"/>
                </a:lnTo>
                <a:lnTo>
                  <a:pt x="1040302" y="4850451"/>
                </a:lnTo>
                <a:lnTo>
                  <a:pt x="1040302" y="4846970"/>
                </a:lnTo>
                <a:close/>
                <a:moveTo>
                  <a:pt x="913764" y="4846970"/>
                </a:moveTo>
                <a:lnTo>
                  <a:pt x="913764" y="4850451"/>
                </a:lnTo>
                <a:lnTo>
                  <a:pt x="917245" y="4850451"/>
                </a:lnTo>
                <a:lnTo>
                  <a:pt x="917245" y="4846970"/>
                </a:lnTo>
                <a:close/>
                <a:moveTo>
                  <a:pt x="175383" y="4846970"/>
                </a:moveTo>
                <a:lnTo>
                  <a:pt x="175383" y="4850451"/>
                </a:lnTo>
                <a:lnTo>
                  <a:pt x="178864" y="4850451"/>
                </a:lnTo>
                <a:lnTo>
                  <a:pt x="178864" y="4846970"/>
                </a:lnTo>
                <a:close/>
                <a:moveTo>
                  <a:pt x="52326" y="4846970"/>
                </a:moveTo>
                <a:lnTo>
                  <a:pt x="52326" y="4850451"/>
                </a:lnTo>
                <a:lnTo>
                  <a:pt x="55807" y="4850451"/>
                </a:lnTo>
                <a:lnTo>
                  <a:pt x="55807" y="4846970"/>
                </a:lnTo>
                <a:close/>
                <a:moveTo>
                  <a:pt x="4237904" y="4725395"/>
                </a:moveTo>
                <a:lnTo>
                  <a:pt x="4237904" y="4725839"/>
                </a:lnTo>
                <a:lnTo>
                  <a:pt x="4238348" y="4725839"/>
                </a:lnTo>
                <a:lnTo>
                  <a:pt x="4238348" y="4725395"/>
                </a:lnTo>
                <a:close/>
                <a:moveTo>
                  <a:pt x="4114847" y="4725395"/>
                </a:moveTo>
                <a:lnTo>
                  <a:pt x="4114847" y="4725839"/>
                </a:lnTo>
                <a:lnTo>
                  <a:pt x="4115291" y="4725839"/>
                </a:lnTo>
                <a:lnTo>
                  <a:pt x="4115291" y="4725395"/>
                </a:lnTo>
                <a:close/>
                <a:moveTo>
                  <a:pt x="3991789" y="4725395"/>
                </a:moveTo>
                <a:lnTo>
                  <a:pt x="3991789" y="4725839"/>
                </a:lnTo>
                <a:lnTo>
                  <a:pt x="3992234" y="4725839"/>
                </a:lnTo>
                <a:lnTo>
                  <a:pt x="3992234" y="4725395"/>
                </a:lnTo>
                <a:close/>
                <a:moveTo>
                  <a:pt x="3868732" y="4725395"/>
                </a:moveTo>
                <a:lnTo>
                  <a:pt x="3868732" y="4725839"/>
                </a:lnTo>
                <a:lnTo>
                  <a:pt x="3869176" y="4725839"/>
                </a:lnTo>
                <a:lnTo>
                  <a:pt x="3869176" y="4725395"/>
                </a:lnTo>
                <a:close/>
                <a:moveTo>
                  <a:pt x="3745675" y="4725395"/>
                </a:moveTo>
                <a:lnTo>
                  <a:pt x="3745675" y="4725839"/>
                </a:lnTo>
                <a:lnTo>
                  <a:pt x="3746119" y="4725839"/>
                </a:lnTo>
                <a:lnTo>
                  <a:pt x="3746119" y="4725395"/>
                </a:lnTo>
                <a:close/>
                <a:moveTo>
                  <a:pt x="3622617" y="4725395"/>
                </a:moveTo>
                <a:lnTo>
                  <a:pt x="3622617" y="4725839"/>
                </a:lnTo>
                <a:lnTo>
                  <a:pt x="3623061" y="4725839"/>
                </a:lnTo>
                <a:lnTo>
                  <a:pt x="3623061" y="4725395"/>
                </a:lnTo>
                <a:close/>
                <a:moveTo>
                  <a:pt x="3499523" y="4725395"/>
                </a:moveTo>
                <a:lnTo>
                  <a:pt x="3499523" y="4725839"/>
                </a:lnTo>
                <a:lnTo>
                  <a:pt x="3499967" y="4725839"/>
                </a:lnTo>
                <a:lnTo>
                  <a:pt x="3499967" y="4725395"/>
                </a:lnTo>
                <a:close/>
                <a:moveTo>
                  <a:pt x="3376281" y="4725209"/>
                </a:moveTo>
                <a:lnTo>
                  <a:pt x="3376281" y="4726061"/>
                </a:lnTo>
                <a:lnTo>
                  <a:pt x="3377133" y="4726061"/>
                </a:lnTo>
                <a:lnTo>
                  <a:pt x="3377133" y="4725209"/>
                </a:lnTo>
                <a:close/>
                <a:moveTo>
                  <a:pt x="3253186" y="4725209"/>
                </a:moveTo>
                <a:lnTo>
                  <a:pt x="3253186" y="4726061"/>
                </a:lnTo>
                <a:lnTo>
                  <a:pt x="3254038" y="4726061"/>
                </a:lnTo>
                <a:lnTo>
                  <a:pt x="3254038" y="4725209"/>
                </a:lnTo>
                <a:close/>
                <a:moveTo>
                  <a:pt x="3130129" y="4725209"/>
                </a:moveTo>
                <a:lnTo>
                  <a:pt x="3130129" y="4726061"/>
                </a:lnTo>
                <a:lnTo>
                  <a:pt x="3130981" y="4726061"/>
                </a:lnTo>
                <a:lnTo>
                  <a:pt x="3130981" y="4725209"/>
                </a:lnTo>
                <a:close/>
                <a:moveTo>
                  <a:pt x="3006849" y="4724987"/>
                </a:moveTo>
                <a:lnTo>
                  <a:pt x="3006849" y="4726283"/>
                </a:lnTo>
                <a:lnTo>
                  <a:pt x="3008145" y="4726283"/>
                </a:lnTo>
                <a:lnTo>
                  <a:pt x="3008145" y="4724987"/>
                </a:lnTo>
                <a:close/>
                <a:moveTo>
                  <a:pt x="2883792" y="4724987"/>
                </a:moveTo>
                <a:lnTo>
                  <a:pt x="2883792" y="4726283"/>
                </a:lnTo>
                <a:lnTo>
                  <a:pt x="2885088" y="4726283"/>
                </a:lnTo>
                <a:lnTo>
                  <a:pt x="2885088" y="4724987"/>
                </a:lnTo>
                <a:close/>
                <a:moveTo>
                  <a:pt x="2760513" y="4724764"/>
                </a:moveTo>
                <a:lnTo>
                  <a:pt x="2760513" y="4726505"/>
                </a:lnTo>
                <a:lnTo>
                  <a:pt x="2762253" y="4726505"/>
                </a:lnTo>
                <a:lnTo>
                  <a:pt x="2762253" y="4724764"/>
                </a:lnTo>
                <a:close/>
                <a:moveTo>
                  <a:pt x="2637233" y="4724542"/>
                </a:moveTo>
                <a:lnTo>
                  <a:pt x="2637233" y="4726727"/>
                </a:lnTo>
                <a:lnTo>
                  <a:pt x="2639418" y="4726727"/>
                </a:lnTo>
                <a:lnTo>
                  <a:pt x="2639418" y="4724542"/>
                </a:lnTo>
                <a:close/>
                <a:moveTo>
                  <a:pt x="2514176" y="4724542"/>
                </a:moveTo>
                <a:lnTo>
                  <a:pt x="2514176" y="4726727"/>
                </a:lnTo>
                <a:lnTo>
                  <a:pt x="2516361" y="4726727"/>
                </a:lnTo>
                <a:lnTo>
                  <a:pt x="2516361" y="4724542"/>
                </a:lnTo>
                <a:close/>
                <a:moveTo>
                  <a:pt x="2390896" y="4724358"/>
                </a:moveTo>
                <a:lnTo>
                  <a:pt x="2390896" y="4726950"/>
                </a:lnTo>
                <a:lnTo>
                  <a:pt x="2393488" y="4726950"/>
                </a:lnTo>
                <a:lnTo>
                  <a:pt x="2393488" y="4724358"/>
                </a:lnTo>
                <a:close/>
                <a:moveTo>
                  <a:pt x="2267654" y="4724135"/>
                </a:moveTo>
                <a:lnTo>
                  <a:pt x="2267654" y="4727172"/>
                </a:lnTo>
                <a:lnTo>
                  <a:pt x="2270691" y="4727172"/>
                </a:lnTo>
                <a:lnTo>
                  <a:pt x="2270691" y="4724135"/>
                </a:lnTo>
                <a:close/>
                <a:moveTo>
                  <a:pt x="2144374" y="4723876"/>
                </a:moveTo>
                <a:lnTo>
                  <a:pt x="2144374" y="4727357"/>
                </a:lnTo>
                <a:lnTo>
                  <a:pt x="2147855" y="4727357"/>
                </a:lnTo>
                <a:lnTo>
                  <a:pt x="2147855" y="4723876"/>
                </a:lnTo>
                <a:close/>
                <a:moveTo>
                  <a:pt x="2021095" y="4723654"/>
                </a:moveTo>
                <a:lnTo>
                  <a:pt x="2021095" y="4727579"/>
                </a:lnTo>
                <a:lnTo>
                  <a:pt x="2025020" y="4727579"/>
                </a:lnTo>
                <a:lnTo>
                  <a:pt x="2025020" y="4723654"/>
                </a:lnTo>
                <a:close/>
                <a:moveTo>
                  <a:pt x="1898037" y="4723654"/>
                </a:moveTo>
                <a:lnTo>
                  <a:pt x="1898037" y="4727579"/>
                </a:lnTo>
                <a:lnTo>
                  <a:pt x="1901962" y="4727579"/>
                </a:lnTo>
                <a:lnTo>
                  <a:pt x="1901962" y="4723654"/>
                </a:lnTo>
                <a:close/>
                <a:moveTo>
                  <a:pt x="1774758" y="4723468"/>
                </a:moveTo>
                <a:lnTo>
                  <a:pt x="1774758" y="4727801"/>
                </a:lnTo>
                <a:lnTo>
                  <a:pt x="1779091" y="4727801"/>
                </a:lnTo>
                <a:lnTo>
                  <a:pt x="1779091" y="4723468"/>
                </a:lnTo>
                <a:close/>
                <a:moveTo>
                  <a:pt x="1651478" y="4723247"/>
                </a:moveTo>
                <a:lnTo>
                  <a:pt x="1651478" y="4728024"/>
                </a:lnTo>
                <a:lnTo>
                  <a:pt x="1656255" y="4728024"/>
                </a:lnTo>
                <a:lnTo>
                  <a:pt x="1656255" y="4723247"/>
                </a:lnTo>
                <a:close/>
                <a:moveTo>
                  <a:pt x="1528421" y="4723247"/>
                </a:moveTo>
                <a:lnTo>
                  <a:pt x="1528421" y="4728024"/>
                </a:lnTo>
                <a:lnTo>
                  <a:pt x="1533198" y="4728024"/>
                </a:lnTo>
                <a:lnTo>
                  <a:pt x="1533198" y="4723247"/>
                </a:lnTo>
                <a:close/>
                <a:moveTo>
                  <a:pt x="1159212" y="4723247"/>
                </a:moveTo>
                <a:lnTo>
                  <a:pt x="1159212" y="4728024"/>
                </a:lnTo>
                <a:lnTo>
                  <a:pt x="1163989" y="4728024"/>
                </a:lnTo>
                <a:lnTo>
                  <a:pt x="1163989" y="4723247"/>
                </a:lnTo>
                <a:close/>
                <a:moveTo>
                  <a:pt x="790040" y="4723247"/>
                </a:moveTo>
                <a:lnTo>
                  <a:pt x="790040" y="4728024"/>
                </a:lnTo>
                <a:lnTo>
                  <a:pt x="794817" y="4728024"/>
                </a:lnTo>
                <a:lnTo>
                  <a:pt x="794817" y="4723247"/>
                </a:lnTo>
                <a:close/>
                <a:moveTo>
                  <a:pt x="666983" y="4723247"/>
                </a:moveTo>
                <a:lnTo>
                  <a:pt x="666983" y="4728024"/>
                </a:lnTo>
                <a:lnTo>
                  <a:pt x="671760" y="4728024"/>
                </a:lnTo>
                <a:lnTo>
                  <a:pt x="671760" y="4723247"/>
                </a:lnTo>
                <a:close/>
                <a:moveTo>
                  <a:pt x="543925" y="4723247"/>
                </a:moveTo>
                <a:lnTo>
                  <a:pt x="543925" y="4728024"/>
                </a:lnTo>
                <a:lnTo>
                  <a:pt x="548702" y="4728024"/>
                </a:lnTo>
                <a:lnTo>
                  <a:pt x="548702" y="4723247"/>
                </a:lnTo>
                <a:close/>
                <a:moveTo>
                  <a:pt x="1405142" y="4723024"/>
                </a:moveTo>
                <a:lnTo>
                  <a:pt x="1405142" y="4728246"/>
                </a:lnTo>
                <a:lnTo>
                  <a:pt x="1410364" y="4728246"/>
                </a:lnTo>
                <a:lnTo>
                  <a:pt x="1410364" y="4723024"/>
                </a:lnTo>
                <a:close/>
                <a:moveTo>
                  <a:pt x="1282084" y="4723024"/>
                </a:moveTo>
                <a:lnTo>
                  <a:pt x="1282084" y="4728246"/>
                </a:lnTo>
                <a:lnTo>
                  <a:pt x="1287305" y="4728246"/>
                </a:lnTo>
                <a:lnTo>
                  <a:pt x="1287305" y="4723024"/>
                </a:lnTo>
                <a:close/>
                <a:moveTo>
                  <a:pt x="1035933" y="4723024"/>
                </a:moveTo>
                <a:lnTo>
                  <a:pt x="1035933" y="4728246"/>
                </a:lnTo>
                <a:lnTo>
                  <a:pt x="1041154" y="4728246"/>
                </a:lnTo>
                <a:lnTo>
                  <a:pt x="1041154" y="4723024"/>
                </a:lnTo>
                <a:close/>
                <a:moveTo>
                  <a:pt x="912875" y="4723024"/>
                </a:moveTo>
                <a:lnTo>
                  <a:pt x="912875" y="4728246"/>
                </a:lnTo>
                <a:lnTo>
                  <a:pt x="918097" y="4728246"/>
                </a:lnTo>
                <a:lnTo>
                  <a:pt x="918097" y="4723024"/>
                </a:lnTo>
                <a:close/>
                <a:moveTo>
                  <a:pt x="420646" y="4723024"/>
                </a:moveTo>
                <a:lnTo>
                  <a:pt x="420646" y="4728246"/>
                </a:lnTo>
                <a:lnTo>
                  <a:pt x="425868" y="4728246"/>
                </a:lnTo>
                <a:lnTo>
                  <a:pt x="425868" y="4723024"/>
                </a:lnTo>
                <a:close/>
                <a:moveTo>
                  <a:pt x="297589" y="4723024"/>
                </a:moveTo>
                <a:lnTo>
                  <a:pt x="297589" y="4728246"/>
                </a:lnTo>
                <a:lnTo>
                  <a:pt x="302811" y="4728246"/>
                </a:lnTo>
                <a:lnTo>
                  <a:pt x="302811" y="4723024"/>
                </a:lnTo>
                <a:close/>
                <a:moveTo>
                  <a:pt x="174531" y="4723024"/>
                </a:moveTo>
                <a:lnTo>
                  <a:pt x="174531" y="4728246"/>
                </a:lnTo>
                <a:lnTo>
                  <a:pt x="179753" y="4728246"/>
                </a:lnTo>
                <a:lnTo>
                  <a:pt x="179753" y="4723024"/>
                </a:lnTo>
                <a:close/>
                <a:moveTo>
                  <a:pt x="51474" y="4723024"/>
                </a:moveTo>
                <a:lnTo>
                  <a:pt x="51474" y="4728246"/>
                </a:lnTo>
                <a:lnTo>
                  <a:pt x="56696" y="4728246"/>
                </a:lnTo>
                <a:lnTo>
                  <a:pt x="56696" y="4723024"/>
                </a:lnTo>
                <a:close/>
                <a:moveTo>
                  <a:pt x="4360961" y="4602337"/>
                </a:moveTo>
                <a:lnTo>
                  <a:pt x="4360961" y="4602781"/>
                </a:lnTo>
                <a:lnTo>
                  <a:pt x="4361405" y="4602781"/>
                </a:lnTo>
                <a:lnTo>
                  <a:pt x="4361405" y="4602337"/>
                </a:lnTo>
                <a:close/>
                <a:moveTo>
                  <a:pt x="4237904" y="4602337"/>
                </a:moveTo>
                <a:lnTo>
                  <a:pt x="4237904" y="4602781"/>
                </a:lnTo>
                <a:lnTo>
                  <a:pt x="4238348" y="4602781"/>
                </a:lnTo>
                <a:lnTo>
                  <a:pt x="4238348" y="4602337"/>
                </a:lnTo>
                <a:close/>
                <a:moveTo>
                  <a:pt x="4114847" y="4602337"/>
                </a:moveTo>
                <a:lnTo>
                  <a:pt x="4114847" y="4602781"/>
                </a:lnTo>
                <a:lnTo>
                  <a:pt x="4115291" y="4602781"/>
                </a:lnTo>
                <a:lnTo>
                  <a:pt x="4115291" y="4602337"/>
                </a:lnTo>
                <a:close/>
                <a:moveTo>
                  <a:pt x="3991789" y="4602337"/>
                </a:moveTo>
                <a:lnTo>
                  <a:pt x="3991789" y="4602781"/>
                </a:lnTo>
                <a:lnTo>
                  <a:pt x="3992234" y="4602781"/>
                </a:lnTo>
                <a:lnTo>
                  <a:pt x="3992234" y="4602337"/>
                </a:lnTo>
                <a:close/>
                <a:moveTo>
                  <a:pt x="3868732" y="4602337"/>
                </a:moveTo>
                <a:lnTo>
                  <a:pt x="3868732" y="4602781"/>
                </a:lnTo>
                <a:lnTo>
                  <a:pt x="3869176" y="4602781"/>
                </a:lnTo>
                <a:lnTo>
                  <a:pt x="3869176" y="4602337"/>
                </a:lnTo>
                <a:close/>
                <a:moveTo>
                  <a:pt x="3745675" y="4602337"/>
                </a:moveTo>
                <a:lnTo>
                  <a:pt x="3745675" y="4602781"/>
                </a:lnTo>
                <a:lnTo>
                  <a:pt x="3746119" y="4602781"/>
                </a:lnTo>
                <a:lnTo>
                  <a:pt x="3746119" y="4602337"/>
                </a:lnTo>
                <a:close/>
                <a:moveTo>
                  <a:pt x="3622617" y="4602337"/>
                </a:moveTo>
                <a:lnTo>
                  <a:pt x="3622617" y="4602781"/>
                </a:lnTo>
                <a:lnTo>
                  <a:pt x="3623061" y="4602781"/>
                </a:lnTo>
                <a:lnTo>
                  <a:pt x="3623061" y="4602337"/>
                </a:lnTo>
                <a:close/>
                <a:moveTo>
                  <a:pt x="3499523" y="4602337"/>
                </a:moveTo>
                <a:lnTo>
                  <a:pt x="3499523" y="4602781"/>
                </a:lnTo>
                <a:lnTo>
                  <a:pt x="3499967" y="4602781"/>
                </a:lnTo>
                <a:lnTo>
                  <a:pt x="3499967" y="4602337"/>
                </a:lnTo>
                <a:close/>
                <a:moveTo>
                  <a:pt x="3376281" y="4602152"/>
                </a:moveTo>
                <a:lnTo>
                  <a:pt x="3376281" y="4603004"/>
                </a:lnTo>
                <a:lnTo>
                  <a:pt x="3377133" y="4603004"/>
                </a:lnTo>
                <a:lnTo>
                  <a:pt x="3377133" y="4602152"/>
                </a:lnTo>
                <a:close/>
                <a:moveTo>
                  <a:pt x="3253186" y="4602152"/>
                </a:moveTo>
                <a:lnTo>
                  <a:pt x="3253186" y="4603004"/>
                </a:lnTo>
                <a:lnTo>
                  <a:pt x="3254038" y="4603004"/>
                </a:lnTo>
                <a:lnTo>
                  <a:pt x="3254038" y="4602152"/>
                </a:lnTo>
                <a:close/>
                <a:moveTo>
                  <a:pt x="3129944" y="4601930"/>
                </a:moveTo>
                <a:lnTo>
                  <a:pt x="3129944" y="4603226"/>
                </a:lnTo>
                <a:lnTo>
                  <a:pt x="3131240" y="4603226"/>
                </a:lnTo>
                <a:lnTo>
                  <a:pt x="3131240" y="4601930"/>
                </a:lnTo>
                <a:close/>
                <a:moveTo>
                  <a:pt x="3006849" y="4601930"/>
                </a:moveTo>
                <a:lnTo>
                  <a:pt x="3006849" y="4603226"/>
                </a:lnTo>
                <a:lnTo>
                  <a:pt x="3008145" y="4603226"/>
                </a:lnTo>
                <a:lnTo>
                  <a:pt x="3008145" y="4601930"/>
                </a:lnTo>
                <a:close/>
                <a:moveTo>
                  <a:pt x="2883607" y="4601708"/>
                </a:moveTo>
                <a:lnTo>
                  <a:pt x="2883607" y="4603448"/>
                </a:lnTo>
                <a:lnTo>
                  <a:pt x="2885347" y="4603448"/>
                </a:lnTo>
                <a:lnTo>
                  <a:pt x="2885347" y="4601708"/>
                </a:lnTo>
                <a:close/>
                <a:moveTo>
                  <a:pt x="2760327" y="4601485"/>
                </a:moveTo>
                <a:lnTo>
                  <a:pt x="2760327" y="4603670"/>
                </a:lnTo>
                <a:lnTo>
                  <a:pt x="2762512" y="4603670"/>
                </a:lnTo>
                <a:lnTo>
                  <a:pt x="2762512" y="4601485"/>
                </a:lnTo>
                <a:close/>
                <a:moveTo>
                  <a:pt x="2637048" y="4601300"/>
                </a:moveTo>
                <a:lnTo>
                  <a:pt x="2637048" y="4603892"/>
                </a:lnTo>
                <a:lnTo>
                  <a:pt x="2639640" y="4603892"/>
                </a:lnTo>
                <a:lnTo>
                  <a:pt x="2639640" y="4601300"/>
                </a:lnTo>
                <a:close/>
                <a:moveTo>
                  <a:pt x="2513768" y="4601040"/>
                </a:moveTo>
                <a:lnTo>
                  <a:pt x="2513768" y="4604077"/>
                </a:lnTo>
                <a:lnTo>
                  <a:pt x="2516805" y="4604077"/>
                </a:lnTo>
                <a:lnTo>
                  <a:pt x="2516805" y="4601040"/>
                </a:lnTo>
                <a:close/>
                <a:moveTo>
                  <a:pt x="2390489" y="4600819"/>
                </a:moveTo>
                <a:lnTo>
                  <a:pt x="2390489" y="4604300"/>
                </a:lnTo>
                <a:lnTo>
                  <a:pt x="2393970" y="4604300"/>
                </a:lnTo>
                <a:lnTo>
                  <a:pt x="2393970" y="4600819"/>
                </a:lnTo>
                <a:close/>
                <a:moveTo>
                  <a:pt x="2267209" y="4600597"/>
                </a:moveTo>
                <a:lnTo>
                  <a:pt x="2267209" y="4604522"/>
                </a:lnTo>
                <a:lnTo>
                  <a:pt x="2271134" y="4604522"/>
                </a:lnTo>
                <a:lnTo>
                  <a:pt x="2271134" y="4600597"/>
                </a:lnTo>
                <a:close/>
                <a:moveTo>
                  <a:pt x="2143930" y="4600411"/>
                </a:moveTo>
                <a:lnTo>
                  <a:pt x="2143930" y="4604744"/>
                </a:lnTo>
                <a:lnTo>
                  <a:pt x="2148263" y="4604744"/>
                </a:lnTo>
                <a:lnTo>
                  <a:pt x="2148263" y="4600411"/>
                </a:lnTo>
                <a:close/>
                <a:moveTo>
                  <a:pt x="2020650" y="4600189"/>
                </a:moveTo>
                <a:lnTo>
                  <a:pt x="2020650" y="4604966"/>
                </a:lnTo>
                <a:lnTo>
                  <a:pt x="2025427" y="4604966"/>
                </a:lnTo>
                <a:lnTo>
                  <a:pt x="2025427" y="4600189"/>
                </a:lnTo>
                <a:close/>
                <a:moveTo>
                  <a:pt x="1897371" y="4599967"/>
                </a:moveTo>
                <a:lnTo>
                  <a:pt x="1897371" y="4605188"/>
                </a:lnTo>
                <a:lnTo>
                  <a:pt x="1902592" y="4605188"/>
                </a:lnTo>
                <a:lnTo>
                  <a:pt x="1902592" y="4599967"/>
                </a:lnTo>
                <a:close/>
                <a:moveTo>
                  <a:pt x="1774091" y="4599782"/>
                </a:moveTo>
                <a:lnTo>
                  <a:pt x="1774091" y="4605411"/>
                </a:lnTo>
                <a:lnTo>
                  <a:pt x="1779720" y="4605411"/>
                </a:lnTo>
                <a:lnTo>
                  <a:pt x="1779720" y="4599782"/>
                </a:lnTo>
                <a:close/>
                <a:moveTo>
                  <a:pt x="1650812" y="4599560"/>
                </a:moveTo>
                <a:lnTo>
                  <a:pt x="1650812" y="4605633"/>
                </a:lnTo>
                <a:lnTo>
                  <a:pt x="1656885" y="4605633"/>
                </a:lnTo>
                <a:lnTo>
                  <a:pt x="1656885" y="4599560"/>
                </a:lnTo>
                <a:close/>
                <a:moveTo>
                  <a:pt x="1527754" y="4599560"/>
                </a:moveTo>
                <a:lnTo>
                  <a:pt x="1527754" y="4605633"/>
                </a:lnTo>
                <a:lnTo>
                  <a:pt x="1533827" y="4605633"/>
                </a:lnTo>
                <a:lnTo>
                  <a:pt x="1533827" y="4599560"/>
                </a:lnTo>
                <a:close/>
                <a:moveTo>
                  <a:pt x="1404475" y="4599300"/>
                </a:moveTo>
                <a:lnTo>
                  <a:pt x="1404475" y="4605818"/>
                </a:lnTo>
                <a:lnTo>
                  <a:pt x="1410993" y="4605818"/>
                </a:lnTo>
                <a:lnTo>
                  <a:pt x="1410993" y="4599300"/>
                </a:lnTo>
                <a:close/>
                <a:moveTo>
                  <a:pt x="1281418" y="4599300"/>
                </a:moveTo>
                <a:lnTo>
                  <a:pt x="1281418" y="4605818"/>
                </a:lnTo>
                <a:lnTo>
                  <a:pt x="1287936" y="4605818"/>
                </a:lnTo>
                <a:lnTo>
                  <a:pt x="1287936" y="4599300"/>
                </a:lnTo>
                <a:close/>
                <a:moveTo>
                  <a:pt x="1158138" y="4599078"/>
                </a:moveTo>
                <a:lnTo>
                  <a:pt x="1158138" y="4606040"/>
                </a:lnTo>
                <a:lnTo>
                  <a:pt x="1165100" y="4606040"/>
                </a:lnTo>
                <a:lnTo>
                  <a:pt x="1165100" y="4599078"/>
                </a:lnTo>
                <a:close/>
                <a:moveTo>
                  <a:pt x="1035081" y="4599078"/>
                </a:moveTo>
                <a:lnTo>
                  <a:pt x="1035081" y="4606040"/>
                </a:lnTo>
                <a:lnTo>
                  <a:pt x="1042043" y="4606040"/>
                </a:lnTo>
                <a:lnTo>
                  <a:pt x="1042043" y="4599078"/>
                </a:lnTo>
                <a:close/>
                <a:moveTo>
                  <a:pt x="912024" y="4599078"/>
                </a:moveTo>
                <a:lnTo>
                  <a:pt x="912024" y="4606040"/>
                </a:lnTo>
                <a:lnTo>
                  <a:pt x="918986" y="4606040"/>
                </a:lnTo>
                <a:lnTo>
                  <a:pt x="918986" y="4599078"/>
                </a:lnTo>
                <a:close/>
                <a:moveTo>
                  <a:pt x="788966" y="4599078"/>
                </a:moveTo>
                <a:lnTo>
                  <a:pt x="788966" y="4606040"/>
                </a:lnTo>
                <a:lnTo>
                  <a:pt x="795928" y="4606040"/>
                </a:lnTo>
                <a:lnTo>
                  <a:pt x="795928" y="4599078"/>
                </a:lnTo>
                <a:close/>
                <a:moveTo>
                  <a:pt x="665909" y="4599078"/>
                </a:moveTo>
                <a:lnTo>
                  <a:pt x="665909" y="4606040"/>
                </a:lnTo>
                <a:lnTo>
                  <a:pt x="672871" y="4606040"/>
                </a:lnTo>
                <a:lnTo>
                  <a:pt x="672871" y="4599078"/>
                </a:lnTo>
                <a:close/>
                <a:moveTo>
                  <a:pt x="542629" y="4598893"/>
                </a:moveTo>
                <a:lnTo>
                  <a:pt x="542629" y="4606262"/>
                </a:lnTo>
                <a:lnTo>
                  <a:pt x="549998" y="4606262"/>
                </a:lnTo>
                <a:lnTo>
                  <a:pt x="549998" y="4598893"/>
                </a:lnTo>
                <a:close/>
                <a:moveTo>
                  <a:pt x="419572" y="4598893"/>
                </a:moveTo>
                <a:lnTo>
                  <a:pt x="419572" y="4606262"/>
                </a:lnTo>
                <a:lnTo>
                  <a:pt x="426941" y="4606262"/>
                </a:lnTo>
                <a:lnTo>
                  <a:pt x="426941" y="4598893"/>
                </a:lnTo>
                <a:close/>
                <a:moveTo>
                  <a:pt x="296515" y="4598893"/>
                </a:moveTo>
                <a:lnTo>
                  <a:pt x="296515" y="4606262"/>
                </a:lnTo>
                <a:lnTo>
                  <a:pt x="303884" y="4606262"/>
                </a:lnTo>
                <a:lnTo>
                  <a:pt x="303884" y="4598893"/>
                </a:lnTo>
                <a:close/>
                <a:moveTo>
                  <a:pt x="50400" y="4598893"/>
                </a:moveTo>
                <a:lnTo>
                  <a:pt x="50400" y="4606262"/>
                </a:lnTo>
                <a:lnTo>
                  <a:pt x="57769" y="4606262"/>
                </a:lnTo>
                <a:lnTo>
                  <a:pt x="57769" y="4598893"/>
                </a:lnTo>
                <a:close/>
                <a:moveTo>
                  <a:pt x="173235" y="4598671"/>
                </a:moveTo>
                <a:lnTo>
                  <a:pt x="173235" y="4606485"/>
                </a:lnTo>
                <a:lnTo>
                  <a:pt x="181049" y="4606485"/>
                </a:lnTo>
                <a:lnTo>
                  <a:pt x="181049" y="4598671"/>
                </a:lnTo>
                <a:close/>
                <a:moveTo>
                  <a:pt x="4360961" y="4479280"/>
                </a:moveTo>
                <a:lnTo>
                  <a:pt x="4360961" y="4479724"/>
                </a:lnTo>
                <a:lnTo>
                  <a:pt x="4361405" y="4479724"/>
                </a:lnTo>
                <a:lnTo>
                  <a:pt x="4361405" y="4479280"/>
                </a:lnTo>
                <a:close/>
                <a:moveTo>
                  <a:pt x="4237904" y="4479280"/>
                </a:moveTo>
                <a:lnTo>
                  <a:pt x="4237904" y="4479724"/>
                </a:lnTo>
                <a:lnTo>
                  <a:pt x="4238348" y="4479724"/>
                </a:lnTo>
                <a:lnTo>
                  <a:pt x="4238348" y="4479280"/>
                </a:lnTo>
                <a:close/>
                <a:moveTo>
                  <a:pt x="4114847" y="4479280"/>
                </a:moveTo>
                <a:lnTo>
                  <a:pt x="4114847" y="4479724"/>
                </a:lnTo>
                <a:lnTo>
                  <a:pt x="4115291" y="4479724"/>
                </a:lnTo>
                <a:lnTo>
                  <a:pt x="4115291" y="4479280"/>
                </a:lnTo>
                <a:close/>
                <a:moveTo>
                  <a:pt x="3991789" y="4479280"/>
                </a:moveTo>
                <a:lnTo>
                  <a:pt x="3991789" y="4479724"/>
                </a:lnTo>
                <a:lnTo>
                  <a:pt x="3992234" y="4479724"/>
                </a:lnTo>
                <a:lnTo>
                  <a:pt x="3992234" y="4479280"/>
                </a:lnTo>
                <a:close/>
                <a:moveTo>
                  <a:pt x="3868732" y="4479280"/>
                </a:moveTo>
                <a:lnTo>
                  <a:pt x="3868732" y="4479724"/>
                </a:lnTo>
                <a:lnTo>
                  <a:pt x="3869176" y="4479724"/>
                </a:lnTo>
                <a:lnTo>
                  <a:pt x="3869176" y="4479280"/>
                </a:lnTo>
                <a:close/>
                <a:moveTo>
                  <a:pt x="3745675" y="4479280"/>
                </a:moveTo>
                <a:lnTo>
                  <a:pt x="3745675" y="4479724"/>
                </a:lnTo>
                <a:lnTo>
                  <a:pt x="3746119" y="4479724"/>
                </a:lnTo>
                <a:lnTo>
                  <a:pt x="3746119" y="4479280"/>
                </a:lnTo>
                <a:close/>
                <a:moveTo>
                  <a:pt x="3622617" y="4479280"/>
                </a:moveTo>
                <a:lnTo>
                  <a:pt x="3622617" y="4479724"/>
                </a:lnTo>
                <a:lnTo>
                  <a:pt x="3623061" y="4479724"/>
                </a:lnTo>
                <a:lnTo>
                  <a:pt x="3623061" y="4479280"/>
                </a:lnTo>
                <a:close/>
                <a:moveTo>
                  <a:pt x="3499338" y="4479094"/>
                </a:moveTo>
                <a:lnTo>
                  <a:pt x="3499338" y="4479946"/>
                </a:lnTo>
                <a:lnTo>
                  <a:pt x="3500190" y="4479946"/>
                </a:lnTo>
                <a:lnTo>
                  <a:pt x="3500190" y="4479094"/>
                </a:lnTo>
                <a:close/>
                <a:moveTo>
                  <a:pt x="3376281" y="4479094"/>
                </a:moveTo>
                <a:lnTo>
                  <a:pt x="3376281" y="4479946"/>
                </a:lnTo>
                <a:lnTo>
                  <a:pt x="3377133" y="4479946"/>
                </a:lnTo>
                <a:lnTo>
                  <a:pt x="3377133" y="4479094"/>
                </a:lnTo>
                <a:close/>
                <a:moveTo>
                  <a:pt x="3253001" y="4478872"/>
                </a:moveTo>
                <a:lnTo>
                  <a:pt x="3253001" y="4480168"/>
                </a:lnTo>
                <a:lnTo>
                  <a:pt x="3254297" y="4480168"/>
                </a:lnTo>
                <a:lnTo>
                  <a:pt x="3254297" y="4478872"/>
                </a:lnTo>
                <a:close/>
                <a:moveTo>
                  <a:pt x="3129944" y="4478872"/>
                </a:moveTo>
                <a:lnTo>
                  <a:pt x="3129944" y="4480168"/>
                </a:lnTo>
                <a:lnTo>
                  <a:pt x="3131240" y="4480168"/>
                </a:lnTo>
                <a:lnTo>
                  <a:pt x="3131240" y="4478872"/>
                </a:lnTo>
                <a:close/>
                <a:moveTo>
                  <a:pt x="3006664" y="4478650"/>
                </a:moveTo>
                <a:lnTo>
                  <a:pt x="3006664" y="4480391"/>
                </a:lnTo>
                <a:lnTo>
                  <a:pt x="3008404" y="4480391"/>
                </a:lnTo>
                <a:lnTo>
                  <a:pt x="3008404" y="4478650"/>
                </a:lnTo>
                <a:close/>
                <a:moveTo>
                  <a:pt x="2883385" y="4478428"/>
                </a:moveTo>
                <a:lnTo>
                  <a:pt x="2883385" y="4480613"/>
                </a:lnTo>
                <a:lnTo>
                  <a:pt x="2885570" y="4480613"/>
                </a:lnTo>
                <a:lnTo>
                  <a:pt x="2885570" y="4478428"/>
                </a:lnTo>
                <a:close/>
                <a:moveTo>
                  <a:pt x="2760105" y="4478243"/>
                </a:moveTo>
                <a:lnTo>
                  <a:pt x="2760105" y="4480835"/>
                </a:lnTo>
                <a:lnTo>
                  <a:pt x="2762697" y="4480835"/>
                </a:lnTo>
                <a:lnTo>
                  <a:pt x="2762697" y="4478243"/>
                </a:lnTo>
                <a:close/>
                <a:moveTo>
                  <a:pt x="2636826" y="4477983"/>
                </a:moveTo>
                <a:lnTo>
                  <a:pt x="2636826" y="4481020"/>
                </a:lnTo>
                <a:lnTo>
                  <a:pt x="2639863" y="4481020"/>
                </a:lnTo>
                <a:lnTo>
                  <a:pt x="2639863" y="4477983"/>
                </a:lnTo>
                <a:close/>
                <a:moveTo>
                  <a:pt x="2513546" y="4477761"/>
                </a:moveTo>
                <a:lnTo>
                  <a:pt x="2513546" y="4481242"/>
                </a:lnTo>
                <a:lnTo>
                  <a:pt x="2517027" y="4481242"/>
                </a:lnTo>
                <a:lnTo>
                  <a:pt x="2517027" y="4477761"/>
                </a:lnTo>
                <a:close/>
                <a:moveTo>
                  <a:pt x="2390267" y="4477539"/>
                </a:moveTo>
                <a:lnTo>
                  <a:pt x="2390267" y="4481464"/>
                </a:lnTo>
                <a:lnTo>
                  <a:pt x="2394192" y="4481464"/>
                </a:lnTo>
                <a:lnTo>
                  <a:pt x="2394192" y="4477539"/>
                </a:lnTo>
                <a:close/>
                <a:moveTo>
                  <a:pt x="2266765" y="4477132"/>
                </a:moveTo>
                <a:lnTo>
                  <a:pt x="2266765" y="4481909"/>
                </a:lnTo>
                <a:lnTo>
                  <a:pt x="2271542" y="4481909"/>
                </a:lnTo>
                <a:lnTo>
                  <a:pt x="2271542" y="4477132"/>
                </a:lnTo>
                <a:close/>
                <a:moveTo>
                  <a:pt x="2143485" y="4476909"/>
                </a:moveTo>
                <a:lnTo>
                  <a:pt x="2143485" y="4482131"/>
                </a:lnTo>
                <a:lnTo>
                  <a:pt x="2148706" y="4482131"/>
                </a:lnTo>
                <a:lnTo>
                  <a:pt x="2148706" y="4476909"/>
                </a:lnTo>
                <a:close/>
                <a:moveTo>
                  <a:pt x="2020206" y="4476724"/>
                </a:moveTo>
                <a:lnTo>
                  <a:pt x="2020206" y="4482353"/>
                </a:lnTo>
                <a:lnTo>
                  <a:pt x="2025835" y="4482353"/>
                </a:lnTo>
                <a:lnTo>
                  <a:pt x="2025835" y="4476724"/>
                </a:lnTo>
                <a:close/>
                <a:moveTo>
                  <a:pt x="1896704" y="4476243"/>
                </a:moveTo>
                <a:lnTo>
                  <a:pt x="1896704" y="4482761"/>
                </a:lnTo>
                <a:lnTo>
                  <a:pt x="1903222" y="4482761"/>
                </a:lnTo>
                <a:lnTo>
                  <a:pt x="1903222" y="4476243"/>
                </a:lnTo>
                <a:close/>
                <a:moveTo>
                  <a:pt x="1773425" y="4476021"/>
                </a:moveTo>
                <a:lnTo>
                  <a:pt x="1773425" y="4482983"/>
                </a:lnTo>
                <a:lnTo>
                  <a:pt x="1780387" y="4482983"/>
                </a:lnTo>
                <a:lnTo>
                  <a:pt x="1780387" y="4476021"/>
                </a:lnTo>
                <a:close/>
                <a:moveTo>
                  <a:pt x="1650182" y="4475836"/>
                </a:moveTo>
                <a:lnTo>
                  <a:pt x="1650182" y="4483205"/>
                </a:lnTo>
                <a:lnTo>
                  <a:pt x="1657551" y="4483205"/>
                </a:lnTo>
                <a:lnTo>
                  <a:pt x="1657551" y="4475836"/>
                </a:lnTo>
                <a:close/>
                <a:moveTo>
                  <a:pt x="1526903" y="4475613"/>
                </a:moveTo>
                <a:lnTo>
                  <a:pt x="1526903" y="4483427"/>
                </a:lnTo>
                <a:lnTo>
                  <a:pt x="1534717" y="4483427"/>
                </a:lnTo>
                <a:lnTo>
                  <a:pt x="1534717" y="4475613"/>
                </a:lnTo>
                <a:close/>
                <a:moveTo>
                  <a:pt x="1403623" y="4475391"/>
                </a:moveTo>
                <a:lnTo>
                  <a:pt x="1403623" y="4483649"/>
                </a:lnTo>
                <a:lnTo>
                  <a:pt x="1411881" y="4483649"/>
                </a:lnTo>
                <a:lnTo>
                  <a:pt x="1411881" y="4475391"/>
                </a:lnTo>
                <a:close/>
                <a:moveTo>
                  <a:pt x="1280344" y="4475169"/>
                </a:moveTo>
                <a:lnTo>
                  <a:pt x="1280344" y="4483872"/>
                </a:lnTo>
                <a:lnTo>
                  <a:pt x="1289047" y="4483872"/>
                </a:lnTo>
                <a:lnTo>
                  <a:pt x="1289047" y="4475169"/>
                </a:lnTo>
                <a:close/>
                <a:moveTo>
                  <a:pt x="1157064" y="4474984"/>
                </a:moveTo>
                <a:lnTo>
                  <a:pt x="1157064" y="4484094"/>
                </a:lnTo>
                <a:lnTo>
                  <a:pt x="1166174" y="4484094"/>
                </a:lnTo>
                <a:lnTo>
                  <a:pt x="1166174" y="4474984"/>
                </a:lnTo>
                <a:close/>
                <a:moveTo>
                  <a:pt x="1034007" y="4474984"/>
                </a:moveTo>
                <a:lnTo>
                  <a:pt x="1034007" y="4484094"/>
                </a:lnTo>
                <a:lnTo>
                  <a:pt x="1043117" y="4484094"/>
                </a:lnTo>
                <a:lnTo>
                  <a:pt x="1043117" y="4474984"/>
                </a:lnTo>
                <a:close/>
                <a:moveTo>
                  <a:pt x="910727" y="4474725"/>
                </a:moveTo>
                <a:lnTo>
                  <a:pt x="910727" y="4484279"/>
                </a:lnTo>
                <a:lnTo>
                  <a:pt x="920281" y="4484279"/>
                </a:lnTo>
                <a:lnTo>
                  <a:pt x="920281" y="4474725"/>
                </a:lnTo>
                <a:close/>
                <a:moveTo>
                  <a:pt x="787670" y="4474725"/>
                </a:moveTo>
                <a:lnTo>
                  <a:pt x="787670" y="4484279"/>
                </a:lnTo>
                <a:lnTo>
                  <a:pt x="797224" y="4484279"/>
                </a:lnTo>
                <a:lnTo>
                  <a:pt x="797224" y="4474725"/>
                </a:lnTo>
                <a:close/>
                <a:moveTo>
                  <a:pt x="664613" y="4474725"/>
                </a:moveTo>
                <a:lnTo>
                  <a:pt x="664613" y="4484279"/>
                </a:lnTo>
                <a:lnTo>
                  <a:pt x="674167" y="4484279"/>
                </a:lnTo>
                <a:lnTo>
                  <a:pt x="674167" y="4474725"/>
                </a:lnTo>
                <a:close/>
                <a:moveTo>
                  <a:pt x="541333" y="4474502"/>
                </a:moveTo>
                <a:lnTo>
                  <a:pt x="541333" y="4484501"/>
                </a:lnTo>
                <a:lnTo>
                  <a:pt x="551332" y="4484501"/>
                </a:lnTo>
                <a:lnTo>
                  <a:pt x="551332" y="4474502"/>
                </a:lnTo>
                <a:close/>
                <a:moveTo>
                  <a:pt x="418276" y="4474502"/>
                </a:moveTo>
                <a:lnTo>
                  <a:pt x="418276" y="4484501"/>
                </a:lnTo>
                <a:lnTo>
                  <a:pt x="428275" y="4484501"/>
                </a:lnTo>
                <a:lnTo>
                  <a:pt x="428275" y="4474502"/>
                </a:lnTo>
                <a:close/>
                <a:moveTo>
                  <a:pt x="294996" y="4474317"/>
                </a:moveTo>
                <a:lnTo>
                  <a:pt x="294996" y="4484723"/>
                </a:lnTo>
                <a:lnTo>
                  <a:pt x="305402" y="4484723"/>
                </a:lnTo>
                <a:lnTo>
                  <a:pt x="305402" y="4474317"/>
                </a:lnTo>
                <a:close/>
                <a:moveTo>
                  <a:pt x="171939" y="4474317"/>
                </a:moveTo>
                <a:lnTo>
                  <a:pt x="171939" y="4484723"/>
                </a:lnTo>
                <a:lnTo>
                  <a:pt x="182345" y="4484723"/>
                </a:lnTo>
                <a:lnTo>
                  <a:pt x="182345" y="4474317"/>
                </a:lnTo>
                <a:close/>
                <a:moveTo>
                  <a:pt x="48845" y="4474317"/>
                </a:moveTo>
                <a:lnTo>
                  <a:pt x="48845" y="4484723"/>
                </a:lnTo>
                <a:lnTo>
                  <a:pt x="59251" y="4484723"/>
                </a:lnTo>
                <a:lnTo>
                  <a:pt x="59251" y="4474317"/>
                </a:lnTo>
                <a:close/>
                <a:moveTo>
                  <a:pt x="4484019" y="4356223"/>
                </a:moveTo>
                <a:lnTo>
                  <a:pt x="4484019" y="4356667"/>
                </a:lnTo>
                <a:lnTo>
                  <a:pt x="4484463" y="4356667"/>
                </a:lnTo>
                <a:lnTo>
                  <a:pt x="4484463" y="4356223"/>
                </a:lnTo>
                <a:close/>
                <a:moveTo>
                  <a:pt x="4360961" y="4356223"/>
                </a:moveTo>
                <a:lnTo>
                  <a:pt x="4360961" y="4356667"/>
                </a:lnTo>
                <a:lnTo>
                  <a:pt x="4361405" y="4356667"/>
                </a:lnTo>
                <a:lnTo>
                  <a:pt x="4361405" y="4356223"/>
                </a:lnTo>
                <a:close/>
                <a:moveTo>
                  <a:pt x="4237904" y="4356223"/>
                </a:moveTo>
                <a:lnTo>
                  <a:pt x="4237904" y="4356667"/>
                </a:lnTo>
                <a:lnTo>
                  <a:pt x="4238348" y="4356667"/>
                </a:lnTo>
                <a:lnTo>
                  <a:pt x="4238348" y="4356223"/>
                </a:lnTo>
                <a:close/>
                <a:moveTo>
                  <a:pt x="4114847" y="4356223"/>
                </a:moveTo>
                <a:lnTo>
                  <a:pt x="4114847" y="4356667"/>
                </a:lnTo>
                <a:lnTo>
                  <a:pt x="4115291" y="4356667"/>
                </a:lnTo>
                <a:lnTo>
                  <a:pt x="4115291" y="4356223"/>
                </a:lnTo>
                <a:close/>
                <a:moveTo>
                  <a:pt x="3991789" y="4356223"/>
                </a:moveTo>
                <a:lnTo>
                  <a:pt x="3991789" y="4356667"/>
                </a:lnTo>
                <a:lnTo>
                  <a:pt x="3992234" y="4356667"/>
                </a:lnTo>
                <a:lnTo>
                  <a:pt x="3992234" y="4356223"/>
                </a:lnTo>
                <a:close/>
                <a:moveTo>
                  <a:pt x="3868732" y="4356223"/>
                </a:moveTo>
                <a:lnTo>
                  <a:pt x="3868732" y="4356667"/>
                </a:lnTo>
                <a:lnTo>
                  <a:pt x="3869176" y="4356667"/>
                </a:lnTo>
                <a:lnTo>
                  <a:pt x="3869176" y="4356223"/>
                </a:lnTo>
                <a:close/>
                <a:moveTo>
                  <a:pt x="3745675" y="4356223"/>
                </a:moveTo>
                <a:lnTo>
                  <a:pt x="3745675" y="4356667"/>
                </a:lnTo>
                <a:lnTo>
                  <a:pt x="3746119" y="4356667"/>
                </a:lnTo>
                <a:lnTo>
                  <a:pt x="3746119" y="4356223"/>
                </a:lnTo>
                <a:close/>
                <a:moveTo>
                  <a:pt x="3622617" y="4356223"/>
                </a:moveTo>
                <a:lnTo>
                  <a:pt x="3622617" y="4356667"/>
                </a:lnTo>
                <a:lnTo>
                  <a:pt x="3623061" y="4356667"/>
                </a:lnTo>
                <a:lnTo>
                  <a:pt x="3623061" y="4356223"/>
                </a:lnTo>
                <a:close/>
                <a:moveTo>
                  <a:pt x="3499338" y="4356037"/>
                </a:moveTo>
                <a:lnTo>
                  <a:pt x="3499338" y="4356889"/>
                </a:lnTo>
                <a:lnTo>
                  <a:pt x="3500190" y="4356889"/>
                </a:lnTo>
                <a:lnTo>
                  <a:pt x="3500190" y="4356037"/>
                </a:lnTo>
                <a:close/>
                <a:moveTo>
                  <a:pt x="3376281" y="4356037"/>
                </a:moveTo>
                <a:lnTo>
                  <a:pt x="3376281" y="4356889"/>
                </a:lnTo>
                <a:lnTo>
                  <a:pt x="3377133" y="4356889"/>
                </a:lnTo>
                <a:lnTo>
                  <a:pt x="3377133" y="4356037"/>
                </a:lnTo>
                <a:close/>
                <a:moveTo>
                  <a:pt x="3253001" y="4355815"/>
                </a:moveTo>
                <a:lnTo>
                  <a:pt x="3253001" y="4357111"/>
                </a:lnTo>
                <a:lnTo>
                  <a:pt x="3254297" y="4357111"/>
                </a:lnTo>
                <a:lnTo>
                  <a:pt x="3254297" y="4355815"/>
                </a:lnTo>
                <a:close/>
                <a:moveTo>
                  <a:pt x="3129722" y="4355593"/>
                </a:moveTo>
                <a:lnTo>
                  <a:pt x="3129722" y="4357333"/>
                </a:lnTo>
                <a:lnTo>
                  <a:pt x="3131462" y="4357333"/>
                </a:lnTo>
                <a:lnTo>
                  <a:pt x="3131462" y="4355593"/>
                </a:lnTo>
                <a:close/>
                <a:moveTo>
                  <a:pt x="3006442" y="4355370"/>
                </a:moveTo>
                <a:lnTo>
                  <a:pt x="3006442" y="4357555"/>
                </a:lnTo>
                <a:lnTo>
                  <a:pt x="3008627" y="4357555"/>
                </a:lnTo>
                <a:lnTo>
                  <a:pt x="3008627" y="4355370"/>
                </a:lnTo>
                <a:close/>
                <a:moveTo>
                  <a:pt x="2883163" y="4355149"/>
                </a:moveTo>
                <a:lnTo>
                  <a:pt x="2883163" y="4357741"/>
                </a:lnTo>
                <a:lnTo>
                  <a:pt x="2885755" y="4357741"/>
                </a:lnTo>
                <a:lnTo>
                  <a:pt x="2885755" y="4355149"/>
                </a:lnTo>
                <a:close/>
                <a:moveTo>
                  <a:pt x="2759883" y="4354926"/>
                </a:moveTo>
                <a:lnTo>
                  <a:pt x="2759883" y="4357963"/>
                </a:lnTo>
                <a:lnTo>
                  <a:pt x="2762920" y="4357963"/>
                </a:lnTo>
                <a:lnTo>
                  <a:pt x="2762920" y="4354926"/>
                </a:lnTo>
                <a:close/>
                <a:moveTo>
                  <a:pt x="2636604" y="4354704"/>
                </a:moveTo>
                <a:lnTo>
                  <a:pt x="2636604" y="4358185"/>
                </a:lnTo>
                <a:lnTo>
                  <a:pt x="2640085" y="4358185"/>
                </a:lnTo>
                <a:lnTo>
                  <a:pt x="2640085" y="4354704"/>
                </a:lnTo>
                <a:close/>
                <a:moveTo>
                  <a:pt x="2513102" y="4354296"/>
                </a:moveTo>
                <a:lnTo>
                  <a:pt x="2513102" y="4358629"/>
                </a:lnTo>
                <a:lnTo>
                  <a:pt x="2517435" y="4358629"/>
                </a:lnTo>
                <a:lnTo>
                  <a:pt x="2517435" y="4354296"/>
                </a:lnTo>
                <a:close/>
                <a:moveTo>
                  <a:pt x="2389822" y="4354075"/>
                </a:moveTo>
                <a:lnTo>
                  <a:pt x="2389822" y="4358852"/>
                </a:lnTo>
                <a:lnTo>
                  <a:pt x="2394599" y="4358852"/>
                </a:lnTo>
                <a:lnTo>
                  <a:pt x="2394599" y="4354075"/>
                </a:lnTo>
                <a:close/>
                <a:moveTo>
                  <a:pt x="2266321" y="4353667"/>
                </a:moveTo>
                <a:lnTo>
                  <a:pt x="2266321" y="4359296"/>
                </a:lnTo>
                <a:lnTo>
                  <a:pt x="2271950" y="4359296"/>
                </a:lnTo>
                <a:lnTo>
                  <a:pt x="2271950" y="4353667"/>
                </a:lnTo>
                <a:close/>
                <a:moveTo>
                  <a:pt x="2143041" y="4353408"/>
                </a:moveTo>
                <a:lnTo>
                  <a:pt x="2143041" y="4359481"/>
                </a:lnTo>
                <a:lnTo>
                  <a:pt x="2149114" y="4359481"/>
                </a:lnTo>
                <a:lnTo>
                  <a:pt x="2149114" y="4353408"/>
                </a:lnTo>
                <a:close/>
                <a:moveTo>
                  <a:pt x="2019576" y="4352963"/>
                </a:moveTo>
                <a:lnTo>
                  <a:pt x="2019576" y="4359925"/>
                </a:lnTo>
                <a:lnTo>
                  <a:pt x="2026538" y="4359925"/>
                </a:lnTo>
                <a:lnTo>
                  <a:pt x="2026538" y="4352963"/>
                </a:lnTo>
                <a:close/>
                <a:moveTo>
                  <a:pt x="1896075" y="4352556"/>
                </a:moveTo>
                <a:lnTo>
                  <a:pt x="1896075" y="4360370"/>
                </a:lnTo>
                <a:lnTo>
                  <a:pt x="1903889" y="4360370"/>
                </a:lnTo>
                <a:lnTo>
                  <a:pt x="1903889" y="4352556"/>
                </a:lnTo>
                <a:close/>
                <a:moveTo>
                  <a:pt x="1772795" y="4352334"/>
                </a:moveTo>
                <a:lnTo>
                  <a:pt x="1772795" y="4360592"/>
                </a:lnTo>
                <a:lnTo>
                  <a:pt x="1781053" y="4360592"/>
                </a:lnTo>
                <a:lnTo>
                  <a:pt x="1781053" y="4352334"/>
                </a:lnTo>
                <a:close/>
                <a:moveTo>
                  <a:pt x="1649294" y="4351889"/>
                </a:moveTo>
                <a:lnTo>
                  <a:pt x="1649294" y="4360999"/>
                </a:lnTo>
                <a:lnTo>
                  <a:pt x="1658404" y="4360999"/>
                </a:lnTo>
                <a:lnTo>
                  <a:pt x="1658404" y="4351889"/>
                </a:lnTo>
                <a:close/>
                <a:moveTo>
                  <a:pt x="1526014" y="4351668"/>
                </a:moveTo>
                <a:lnTo>
                  <a:pt x="1526014" y="4361222"/>
                </a:lnTo>
                <a:lnTo>
                  <a:pt x="1535568" y="4361222"/>
                </a:lnTo>
                <a:lnTo>
                  <a:pt x="1535568" y="4351668"/>
                </a:lnTo>
                <a:close/>
                <a:moveTo>
                  <a:pt x="1402512" y="4351260"/>
                </a:moveTo>
                <a:lnTo>
                  <a:pt x="1402512" y="4361666"/>
                </a:lnTo>
                <a:lnTo>
                  <a:pt x="1412918" y="4361666"/>
                </a:lnTo>
                <a:lnTo>
                  <a:pt x="1412918" y="4351260"/>
                </a:lnTo>
                <a:close/>
                <a:moveTo>
                  <a:pt x="1279233" y="4351038"/>
                </a:moveTo>
                <a:lnTo>
                  <a:pt x="1279233" y="4361888"/>
                </a:lnTo>
                <a:lnTo>
                  <a:pt x="1290083" y="4361888"/>
                </a:lnTo>
                <a:lnTo>
                  <a:pt x="1290083" y="4351038"/>
                </a:lnTo>
                <a:close/>
                <a:moveTo>
                  <a:pt x="1155953" y="4350815"/>
                </a:moveTo>
                <a:lnTo>
                  <a:pt x="1155953" y="4362110"/>
                </a:lnTo>
                <a:lnTo>
                  <a:pt x="1167248" y="4362110"/>
                </a:lnTo>
                <a:lnTo>
                  <a:pt x="1167248" y="4350815"/>
                </a:lnTo>
                <a:close/>
                <a:moveTo>
                  <a:pt x="1032674" y="4350594"/>
                </a:moveTo>
                <a:lnTo>
                  <a:pt x="1032674" y="4362333"/>
                </a:lnTo>
                <a:lnTo>
                  <a:pt x="1044413" y="4362333"/>
                </a:lnTo>
                <a:lnTo>
                  <a:pt x="1044413" y="4350594"/>
                </a:lnTo>
                <a:close/>
                <a:moveTo>
                  <a:pt x="909431" y="4350372"/>
                </a:moveTo>
                <a:lnTo>
                  <a:pt x="909431" y="4362518"/>
                </a:lnTo>
                <a:lnTo>
                  <a:pt x="921577" y="4362518"/>
                </a:lnTo>
                <a:lnTo>
                  <a:pt x="921577" y="4350372"/>
                </a:lnTo>
                <a:close/>
                <a:moveTo>
                  <a:pt x="786337" y="4350372"/>
                </a:moveTo>
                <a:lnTo>
                  <a:pt x="786337" y="4362518"/>
                </a:lnTo>
                <a:lnTo>
                  <a:pt x="798483" y="4362518"/>
                </a:lnTo>
                <a:lnTo>
                  <a:pt x="798483" y="4350372"/>
                </a:lnTo>
                <a:close/>
                <a:moveTo>
                  <a:pt x="663094" y="4350149"/>
                </a:moveTo>
                <a:lnTo>
                  <a:pt x="663094" y="4362740"/>
                </a:lnTo>
                <a:lnTo>
                  <a:pt x="675685" y="4362740"/>
                </a:lnTo>
                <a:lnTo>
                  <a:pt x="675685" y="4350149"/>
                </a:lnTo>
                <a:close/>
                <a:moveTo>
                  <a:pt x="539815" y="4349927"/>
                </a:moveTo>
                <a:lnTo>
                  <a:pt x="539815" y="4362962"/>
                </a:lnTo>
                <a:lnTo>
                  <a:pt x="552850" y="4362962"/>
                </a:lnTo>
                <a:lnTo>
                  <a:pt x="552850" y="4349927"/>
                </a:lnTo>
                <a:close/>
                <a:moveTo>
                  <a:pt x="416758" y="4349927"/>
                </a:moveTo>
                <a:lnTo>
                  <a:pt x="416758" y="4362962"/>
                </a:lnTo>
                <a:lnTo>
                  <a:pt x="429793" y="4362962"/>
                </a:lnTo>
                <a:lnTo>
                  <a:pt x="429793" y="4349927"/>
                </a:lnTo>
                <a:close/>
                <a:moveTo>
                  <a:pt x="293478" y="4349704"/>
                </a:moveTo>
                <a:lnTo>
                  <a:pt x="293478" y="4363184"/>
                </a:lnTo>
                <a:lnTo>
                  <a:pt x="306958" y="4363184"/>
                </a:lnTo>
                <a:lnTo>
                  <a:pt x="306958" y="4349704"/>
                </a:lnTo>
                <a:close/>
                <a:moveTo>
                  <a:pt x="170384" y="4349704"/>
                </a:moveTo>
                <a:lnTo>
                  <a:pt x="170384" y="4363184"/>
                </a:lnTo>
                <a:lnTo>
                  <a:pt x="183864" y="4363184"/>
                </a:lnTo>
                <a:lnTo>
                  <a:pt x="183864" y="4349704"/>
                </a:lnTo>
                <a:close/>
                <a:moveTo>
                  <a:pt x="47326" y="4349704"/>
                </a:moveTo>
                <a:lnTo>
                  <a:pt x="47326" y="4363184"/>
                </a:lnTo>
                <a:lnTo>
                  <a:pt x="60806" y="4363184"/>
                </a:lnTo>
                <a:lnTo>
                  <a:pt x="60806" y="4349704"/>
                </a:lnTo>
                <a:close/>
                <a:moveTo>
                  <a:pt x="4484019" y="4233165"/>
                </a:moveTo>
                <a:lnTo>
                  <a:pt x="4484019" y="4233609"/>
                </a:lnTo>
                <a:lnTo>
                  <a:pt x="4484463" y="4233609"/>
                </a:lnTo>
                <a:lnTo>
                  <a:pt x="4484463" y="4233165"/>
                </a:lnTo>
                <a:close/>
                <a:moveTo>
                  <a:pt x="4360961" y="4233165"/>
                </a:moveTo>
                <a:lnTo>
                  <a:pt x="4360961" y="4233609"/>
                </a:lnTo>
                <a:lnTo>
                  <a:pt x="4361405" y="4233609"/>
                </a:lnTo>
                <a:lnTo>
                  <a:pt x="4361405" y="4233165"/>
                </a:lnTo>
                <a:close/>
                <a:moveTo>
                  <a:pt x="4237904" y="4233165"/>
                </a:moveTo>
                <a:lnTo>
                  <a:pt x="4237904" y="4233609"/>
                </a:lnTo>
                <a:lnTo>
                  <a:pt x="4238348" y="4233609"/>
                </a:lnTo>
                <a:lnTo>
                  <a:pt x="4238348" y="4233165"/>
                </a:lnTo>
                <a:close/>
                <a:moveTo>
                  <a:pt x="4114847" y="4233165"/>
                </a:moveTo>
                <a:lnTo>
                  <a:pt x="4114847" y="4233609"/>
                </a:lnTo>
                <a:lnTo>
                  <a:pt x="4115291" y="4233609"/>
                </a:lnTo>
                <a:lnTo>
                  <a:pt x="4115291" y="4233165"/>
                </a:lnTo>
                <a:close/>
                <a:moveTo>
                  <a:pt x="3991789" y="4233165"/>
                </a:moveTo>
                <a:lnTo>
                  <a:pt x="3991789" y="4233609"/>
                </a:lnTo>
                <a:lnTo>
                  <a:pt x="3992234" y="4233609"/>
                </a:lnTo>
                <a:lnTo>
                  <a:pt x="3992234" y="4233165"/>
                </a:lnTo>
                <a:close/>
                <a:moveTo>
                  <a:pt x="3868732" y="4233165"/>
                </a:moveTo>
                <a:lnTo>
                  <a:pt x="3868732" y="4233609"/>
                </a:lnTo>
                <a:lnTo>
                  <a:pt x="3869176" y="4233609"/>
                </a:lnTo>
                <a:lnTo>
                  <a:pt x="3869176" y="4233165"/>
                </a:lnTo>
                <a:close/>
                <a:moveTo>
                  <a:pt x="3745675" y="4233165"/>
                </a:moveTo>
                <a:lnTo>
                  <a:pt x="3745675" y="4233609"/>
                </a:lnTo>
                <a:lnTo>
                  <a:pt x="3746119" y="4233609"/>
                </a:lnTo>
                <a:lnTo>
                  <a:pt x="3746119" y="4233165"/>
                </a:lnTo>
                <a:close/>
                <a:moveTo>
                  <a:pt x="3622395" y="4232979"/>
                </a:moveTo>
                <a:lnTo>
                  <a:pt x="3622395" y="4233831"/>
                </a:lnTo>
                <a:lnTo>
                  <a:pt x="3623247" y="4233831"/>
                </a:lnTo>
                <a:lnTo>
                  <a:pt x="3623247" y="4232979"/>
                </a:lnTo>
                <a:close/>
                <a:moveTo>
                  <a:pt x="3499338" y="4232979"/>
                </a:moveTo>
                <a:lnTo>
                  <a:pt x="3499338" y="4233831"/>
                </a:lnTo>
                <a:lnTo>
                  <a:pt x="3500190" y="4233831"/>
                </a:lnTo>
                <a:lnTo>
                  <a:pt x="3500190" y="4232979"/>
                </a:lnTo>
                <a:close/>
                <a:moveTo>
                  <a:pt x="3376058" y="4232758"/>
                </a:moveTo>
                <a:lnTo>
                  <a:pt x="3376058" y="4234054"/>
                </a:lnTo>
                <a:lnTo>
                  <a:pt x="3377354" y="4234054"/>
                </a:lnTo>
                <a:lnTo>
                  <a:pt x="3377354" y="4232758"/>
                </a:lnTo>
                <a:close/>
                <a:moveTo>
                  <a:pt x="3252779" y="4232536"/>
                </a:moveTo>
                <a:lnTo>
                  <a:pt x="3252779" y="4234276"/>
                </a:lnTo>
                <a:lnTo>
                  <a:pt x="3254519" y="4234276"/>
                </a:lnTo>
                <a:lnTo>
                  <a:pt x="3254519" y="4232536"/>
                </a:lnTo>
                <a:close/>
                <a:moveTo>
                  <a:pt x="3129722" y="4232536"/>
                </a:moveTo>
                <a:lnTo>
                  <a:pt x="3129722" y="4234276"/>
                </a:lnTo>
                <a:lnTo>
                  <a:pt x="3131462" y="4234276"/>
                </a:lnTo>
                <a:lnTo>
                  <a:pt x="3131462" y="4232536"/>
                </a:lnTo>
                <a:close/>
                <a:moveTo>
                  <a:pt x="3006220" y="4232091"/>
                </a:moveTo>
                <a:lnTo>
                  <a:pt x="3006220" y="4234683"/>
                </a:lnTo>
                <a:lnTo>
                  <a:pt x="3008812" y="4234683"/>
                </a:lnTo>
                <a:lnTo>
                  <a:pt x="3008812" y="4232091"/>
                </a:lnTo>
                <a:close/>
                <a:moveTo>
                  <a:pt x="2882940" y="4231868"/>
                </a:moveTo>
                <a:lnTo>
                  <a:pt x="2882940" y="4234905"/>
                </a:lnTo>
                <a:lnTo>
                  <a:pt x="2885977" y="4234905"/>
                </a:lnTo>
                <a:lnTo>
                  <a:pt x="2885977" y="4231868"/>
                </a:lnTo>
                <a:close/>
                <a:moveTo>
                  <a:pt x="2759661" y="4231647"/>
                </a:moveTo>
                <a:lnTo>
                  <a:pt x="2759661" y="4235128"/>
                </a:lnTo>
                <a:lnTo>
                  <a:pt x="2763142" y="4235128"/>
                </a:lnTo>
                <a:lnTo>
                  <a:pt x="2763142" y="4231647"/>
                </a:lnTo>
                <a:close/>
                <a:moveTo>
                  <a:pt x="2636159" y="4231239"/>
                </a:moveTo>
                <a:lnTo>
                  <a:pt x="2636159" y="4235572"/>
                </a:lnTo>
                <a:lnTo>
                  <a:pt x="2640492" y="4235572"/>
                </a:lnTo>
                <a:lnTo>
                  <a:pt x="2640492" y="4231239"/>
                </a:lnTo>
                <a:close/>
                <a:moveTo>
                  <a:pt x="2512880" y="4231017"/>
                </a:moveTo>
                <a:lnTo>
                  <a:pt x="2512880" y="4235794"/>
                </a:lnTo>
                <a:lnTo>
                  <a:pt x="2517657" y="4235794"/>
                </a:lnTo>
                <a:lnTo>
                  <a:pt x="2517657" y="4231017"/>
                </a:lnTo>
                <a:close/>
                <a:moveTo>
                  <a:pt x="2389378" y="4230573"/>
                </a:moveTo>
                <a:lnTo>
                  <a:pt x="2389378" y="4236202"/>
                </a:lnTo>
                <a:lnTo>
                  <a:pt x="2395007" y="4236202"/>
                </a:lnTo>
                <a:lnTo>
                  <a:pt x="2395007" y="4230573"/>
                </a:lnTo>
                <a:close/>
                <a:moveTo>
                  <a:pt x="2265913" y="4230128"/>
                </a:moveTo>
                <a:lnTo>
                  <a:pt x="2265913" y="4236646"/>
                </a:lnTo>
                <a:lnTo>
                  <a:pt x="2272431" y="4236646"/>
                </a:lnTo>
                <a:lnTo>
                  <a:pt x="2272431" y="4230128"/>
                </a:lnTo>
                <a:close/>
                <a:moveTo>
                  <a:pt x="2142412" y="4229721"/>
                </a:moveTo>
                <a:lnTo>
                  <a:pt x="2142412" y="4237090"/>
                </a:lnTo>
                <a:lnTo>
                  <a:pt x="2149781" y="4237090"/>
                </a:lnTo>
                <a:lnTo>
                  <a:pt x="2149781" y="4229721"/>
                </a:lnTo>
                <a:close/>
                <a:moveTo>
                  <a:pt x="2018910" y="4229277"/>
                </a:moveTo>
                <a:lnTo>
                  <a:pt x="2018910" y="4237535"/>
                </a:lnTo>
                <a:lnTo>
                  <a:pt x="2027168" y="4237535"/>
                </a:lnTo>
                <a:lnTo>
                  <a:pt x="2027168" y="4229277"/>
                </a:lnTo>
                <a:close/>
                <a:moveTo>
                  <a:pt x="1895408" y="4228832"/>
                </a:moveTo>
                <a:lnTo>
                  <a:pt x="1895408" y="4237942"/>
                </a:lnTo>
                <a:lnTo>
                  <a:pt x="1904518" y="4237942"/>
                </a:lnTo>
                <a:lnTo>
                  <a:pt x="1904518" y="4228832"/>
                </a:lnTo>
                <a:close/>
                <a:moveTo>
                  <a:pt x="1771906" y="4228387"/>
                </a:moveTo>
                <a:lnTo>
                  <a:pt x="1771906" y="4238386"/>
                </a:lnTo>
                <a:lnTo>
                  <a:pt x="1781905" y="4238386"/>
                </a:lnTo>
                <a:lnTo>
                  <a:pt x="1781905" y="4228387"/>
                </a:lnTo>
                <a:close/>
                <a:moveTo>
                  <a:pt x="1648442" y="4227981"/>
                </a:moveTo>
                <a:lnTo>
                  <a:pt x="1648442" y="4238831"/>
                </a:lnTo>
                <a:lnTo>
                  <a:pt x="1659292" y="4238831"/>
                </a:lnTo>
                <a:lnTo>
                  <a:pt x="1659292" y="4227981"/>
                </a:lnTo>
                <a:close/>
                <a:moveTo>
                  <a:pt x="1524940" y="4227536"/>
                </a:moveTo>
                <a:lnTo>
                  <a:pt x="1524940" y="4239275"/>
                </a:lnTo>
                <a:lnTo>
                  <a:pt x="1536679" y="4239275"/>
                </a:lnTo>
                <a:lnTo>
                  <a:pt x="1536679" y="4227536"/>
                </a:lnTo>
                <a:close/>
                <a:moveTo>
                  <a:pt x="1401438" y="4227092"/>
                </a:moveTo>
                <a:lnTo>
                  <a:pt x="1401438" y="4239683"/>
                </a:lnTo>
                <a:lnTo>
                  <a:pt x="1414029" y="4239683"/>
                </a:lnTo>
                <a:lnTo>
                  <a:pt x="1414029" y="4227092"/>
                </a:lnTo>
                <a:close/>
                <a:moveTo>
                  <a:pt x="1278159" y="4226870"/>
                </a:moveTo>
                <a:lnTo>
                  <a:pt x="1278159" y="4239905"/>
                </a:lnTo>
                <a:lnTo>
                  <a:pt x="1291194" y="4239905"/>
                </a:lnTo>
                <a:lnTo>
                  <a:pt x="1291194" y="4226870"/>
                </a:lnTo>
                <a:close/>
                <a:moveTo>
                  <a:pt x="1154657" y="4226462"/>
                </a:moveTo>
                <a:lnTo>
                  <a:pt x="1154657" y="4240349"/>
                </a:lnTo>
                <a:lnTo>
                  <a:pt x="1168544" y="4240349"/>
                </a:lnTo>
                <a:lnTo>
                  <a:pt x="1168544" y="4226462"/>
                </a:lnTo>
                <a:close/>
                <a:moveTo>
                  <a:pt x="1031378" y="4226240"/>
                </a:moveTo>
                <a:lnTo>
                  <a:pt x="1031378" y="4240571"/>
                </a:lnTo>
                <a:lnTo>
                  <a:pt x="1045709" y="4240571"/>
                </a:lnTo>
                <a:lnTo>
                  <a:pt x="1045709" y="4226240"/>
                </a:lnTo>
                <a:close/>
                <a:moveTo>
                  <a:pt x="908098" y="4226017"/>
                </a:moveTo>
                <a:lnTo>
                  <a:pt x="908098" y="4240793"/>
                </a:lnTo>
                <a:lnTo>
                  <a:pt x="922874" y="4240793"/>
                </a:lnTo>
                <a:lnTo>
                  <a:pt x="922874" y="4226017"/>
                </a:lnTo>
                <a:close/>
                <a:moveTo>
                  <a:pt x="784633" y="4225573"/>
                </a:moveTo>
                <a:lnTo>
                  <a:pt x="784633" y="4241201"/>
                </a:lnTo>
                <a:lnTo>
                  <a:pt x="800261" y="4241201"/>
                </a:lnTo>
                <a:lnTo>
                  <a:pt x="800261" y="4225573"/>
                </a:lnTo>
                <a:close/>
                <a:moveTo>
                  <a:pt x="661539" y="4225573"/>
                </a:moveTo>
                <a:lnTo>
                  <a:pt x="661539" y="4241201"/>
                </a:lnTo>
                <a:lnTo>
                  <a:pt x="677167" y="4241201"/>
                </a:lnTo>
                <a:lnTo>
                  <a:pt x="677167" y="4225573"/>
                </a:lnTo>
                <a:close/>
                <a:moveTo>
                  <a:pt x="538297" y="4225351"/>
                </a:moveTo>
                <a:lnTo>
                  <a:pt x="538297" y="4241423"/>
                </a:lnTo>
                <a:lnTo>
                  <a:pt x="554369" y="4241423"/>
                </a:lnTo>
                <a:lnTo>
                  <a:pt x="554369" y="4225351"/>
                </a:lnTo>
                <a:close/>
                <a:moveTo>
                  <a:pt x="415017" y="4225129"/>
                </a:moveTo>
                <a:lnTo>
                  <a:pt x="415017" y="4241645"/>
                </a:lnTo>
                <a:lnTo>
                  <a:pt x="431533" y="4241645"/>
                </a:lnTo>
                <a:lnTo>
                  <a:pt x="431533" y="4225129"/>
                </a:lnTo>
                <a:close/>
                <a:moveTo>
                  <a:pt x="291738" y="4224943"/>
                </a:moveTo>
                <a:lnTo>
                  <a:pt x="291738" y="4241867"/>
                </a:lnTo>
                <a:lnTo>
                  <a:pt x="308662" y="4241867"/>
                </a:lnTo>
                <a:lnTo>
                  <a:pt x="308662" y="4224943"/>
                </a:lnTo>
                <a:close/>
                <a:moveTo>
                  <a:pt x="168680" y="4224943"/>
                </a:moveTo>
                <a:lnTo>
                  <a:pt x="168680" y="4241867"/>
                </a:lnTo>
                <a:lnTo>
                  <a:pt x="185604" y="4241867"/>
                </a:lnTo>
                <a:lnTo>
                  <a:pt x="185604" y="4224943"/>
                </a:lnTo>
                <a:close/>
                <a:moveTo>
                  <a:pt x="45586" y="4224943"/>
                </a:moveTo>
                <a:lnTo>
                  <a:pt x="45586" y="4241867"/>
                </a:lnTo>
                <a:lnTo>
                  <a:pt x="62510" y="4241867"/>
                </a:lnTo>
                <a:lnTo>
                  <a:pt x="62510" y="4224943"/>
                </a:lnTo>
                <a:close/>
                <a:moveTo>
                  <a:pt x="4484019" y="4110108"/>
                </a:moveTo>
                <a:lnTo>
                  <a:pt x="4484019" y="4110552"/>
                </a:lnTo>
                <a:lnTo>
                  <a:pt x="4484463" y="4110552"/>
                </a:lnTo>
                <a:lnTo>
                  <a:pt x="4484463" y="4110108"/>
                </a:lnTo>
                <a:close/>
                <a:moveTo>
                  <a:pt x="4360961" y="4110108"/>
                </a:moveTo>
                <a:lnTo>
                  <a:pt x="4360961" y="4110552"/>
                </a:lnTo>
                <a:lnTo>
                  <a:pt x="4361405" y="4110552"/>
                </a:lnTo>
                <a:lnTo>
                  <a:pt x="4361405" y="4110108"/>
                </a:lnTo>
                <a:close/>
                <a:moveTo>
                  <a:pt x="4237904" y="4110108"/>
                </a:moveTo>
                <a:lnTo>
                  <a:pt x="4237904" y="4110552"/>
                </a:lnTo>
                <a:lnTo>
                  <a:pt x="4238348" y="4110552"/>
                </a:lnTo>
                <a:lnTo>
                  <a:pt x="4238348" y="4110108"/>
                </a:lnTo>
                <a:close/>
                <a:moveTo>
                  <a:pt x="4114847" y="4110108"/>
                </a:moveTo>
                <a:lnTo>
                  <a:pt x="4114847" y="4110552"/>
                </a:lnTo>
                <a:lnTo>
                  <a:pt x="4115291" y="4110552"/>
                </a:lnTo>
                <a:lnTo>
                  <a:pt x="4115291" y="4110108"/>
                </a:lnTo>
                <a:close/>
                <a:moveTo>
                  <a:pt x="3991789" y="4110108"/>
                </a:moveTo>
                <a:lnTo>
                  <a:pt x="3991789" y="4110552"/>
                </a:lnTo>
                <a:lnTo>
                  <a:pt x="3992234" y="4110552"/>
                </a:lnTo>
                <a:lnTo>
                  <a:pt x="3992234" y="4110108"/>
                </a:lnTo>
                <a:close/>
                <a:moveTo>
                  <a:pt x="3868732" y="4110108"/>
                </a:moveTo>
                <a:lnTo>
                  <a:pt x="3868732" y="4110552"/>
                </a:lnTo>
                <a:lnTo>
                  <a:pt x="3869176" y="4110552"/>
                </a:lnTo>
                <a:lnTo>
                  <a:pt x="3869176" y="4110108"/>
                </a:lnTo>
                <a:close/>
                <a:moveTo>
                  <a:pt x="3745675" y="4110108"/>
                </a:moveTo>
                <a:lnTo>
                  <a:pt x="3745675" y="4110552"/>
                </a:lnTo>
                <a:lnTo>
                  <a:pt x="3746119" y="4110552"/>
                </a:lnTo>
                <a:lnTo>
                  <a:pt x="3746119" y="4110108"/>
                </a:lnTo>
                <a:close/>
                <a:moveTo>
                  <a:pt x="3622395" y="4109922"/>
                </a:moveTo>
                <a:lnTo>
                  <a:pt x="3622395" y="4110774"/>
                </a:lnTo>
                <a:lnTo>
                  <a:pt x="3623247" y="4110774"/>
                </a:lnTo>
                <a:lnTo>
                  <a:pt x="3623247" y="4109922"/>
                </a:lnTo>
                <a:close/>
                <a:moveTo>
                  <a:pt x="3499338" y="4109922"/>
                </a:moveTo>
                <a:lnTo>
                  <a:pt x="3499338" y="4110774"/>
                </a:lnTo>
                <a:lnTo>
                  <a:pt x="3500190" y="4110774"/>
                </a:lnTo>
                <a:lnTo>
                  <a:pt x="3500190" y="4109922"/>
                </a:lnTo>
                <a:close/>
                <a:moveTo>
                  <a:pt x="3376058" y="4109700"/>
                </a:moveTo>
                <a:lnTo>
                  <a:pt x="3376058" y="4110996"/>
                </a:lnTo>
                <a:lnTo>
                  <a:pt x="3377354" y="4110996"/>
                </a:lnTo>
                <a:lnTo>
                  <a:pt x="3377354" y="4109700"/>
                </a:lnTo>
                <a:close/>
                <a:moveTo>
                  <a:pt x="3252779" y="4109478"/>
                </a:moveTo>
                <a:lnTo>
                  <a:pt x="3252779" y="4111219"/>
                </a:lnTo>
                <a:lnTo>
                  <a:pt x="3254519" y="4111219"/>
                </a:lnTo>
                <a:lnTo>
                  <a:pt x="3254519" y="4109478"/>
                </a:lnTo>
                <a:close/>
                <a:moveTo>
                  <a:pt x="3129499" y="4109219"/>
                </a:moveTo>
                <a:lnTo>
                  <a:pt x="3129499" y="4111404"/>
                </a:lnTo>
                <a:lnTo>
                  <a:pt x="3131684" y="4111404"/>
                </a:lnTo>
                <a:lnTo>
                  <a:pt x="3131684" y="4109219"/>
                </a:lnTo>
                <a:close/>
                <a:moveTo>
                  <a:pt x="3006220" y="4109034"/>
                </a:moveTo>
                <a:lnTo>
                  <a:pt x="3006220" y="4111626"/>
                </a:lnTo>
                <a:lnTo>
                  <a:pt x="3008812" y="4111626"/>
                </a:lnTo>
                <a:lnTo>
                  <a:pt x="3008812" y="4109034"/>
                </a:lnTo>
                <a:close/>
                <a:moveTo>
                  <a:pt x="2882718" y="4108589"/>
                </a:moveTo>
                <a:lnTo>
                  <a:pt x="2882718" y="4112070"/>
                </a:lnTo>
                <a:lnTo>
                  <a:pt x="2886199" y="4112070"/>
                </a:lnTo>
                <a:lnTo>
                  <a:pt x="2886199" y="4108589"/>
                </a:lnTo>
                <a:close/>
                <a:moveTo>
                  <a:pt x="2759439" y="4108367"/>
                </a:moveTo>
                <a:lnTo>
                  <a:pt x="2759439" y="4112292"/>
                </a:lnTo>
                <a:lnTo>
                  <a:pt x="2763364" y="4112292"/>
                </a:lnTo>
                <a:lnTo>
                  <a:pt x="2763364" y="4108367"/>
                </a:lnTo>
                <a:close/>
                <a:moveTo>
                  <a:pt x="2635937" y="4107960"/>
                </a:moveTo>
                <a:lnTo>
                  <a:pt x="2635937" y="4112737"/>
                </a:lnTo>
                <a:lnTo>
                  <a:pt x="2640714" y="4112737"/>
                </a:lnTo>
                <a:lnTo>
                  <a:pt x="2640714" y="4107960"/>
                </a:lnTo>
                <a:close/>
                <a:moveTo>
                  <a:pt x="2512472" y="4107515"/>
                </a:moveTo>
                <a:lnTo>
                  <a:pt x="2512472" y="4113144"/>
                </a:lnTo>
                <a:lnTo>
                  <a:pt x="2518101" y="4113144"/>
                </a:lnTo>
                <a:lnTo>
                  <a:pt x="2518101" y="4107515"/>
                </a:lnTo>
                <a:close/>
                <a:moveTo>
                  <a:pt x="2388971" y="4107071"/>
                </a:moveTo>
                <a:lnTo>
                  <a:pt x="2388971" y="4113589"/>
                </a:lnTo>
                <a:lnTo>
                  <a:pt x="2395489" y="4113589"/>
                </a:lnTo>
                <a:lnTo>
                  <a:pt x="2395489" y="4107071"/>
                </a:lnTo>
                <a:close/>
                <a:moveTo>
                  <a:pt x="2265469" y="4106664"/>
                </a:moveTo>
                <a:lnTo>
                  <a:pt x="2265469" y="4114033"/>
                </a:lnTo>
                <a:lnTo>
                  <a:pt x="2272838" y="4114033"/>
                </a:lnTo>
                <a:lnTo>
                  <a:pt x="2272838" y="4106664"/>
                </a:lnTo>
                <a:close/>
                <a:moveTo>
                  <a:pt x="2141745" y="4105959"/>
                </a:moveTo>
                <a:lnTo>
                  <a:pt x="2141745" y="4114662"/>
                </a:lnTo>
                <a:lnTo>
                  <a:pt x="2150447" y="4114662"/>
                </a:lnTo>
                <a:lnTo>
                  <a:pt x="2150447" y="4105959"/>
                </a:lnTo>
                <a:close/>
                <a:moveTo>
                  <a:pt x="2018243" y="4105553"/>
                </a:moveTo>
                <a:lnTo>
                  <a:pt x="2018243" y="4115107"/>
                </a:lnTo>
                <a:lnTo>
                  <a:pt x="2027797" y="4115107"/>
                </a:lnTo>
                <a:lnTo>
                  <a:pt x="2027797" y="4105553"/>
                </a:lnTo>
                <a:close/>
                <a:moveTo>
                  <a:pt x="1894779" y="4105145"/>
                </a:moveTo>
                <a:lnTo>
                  <a:pt x="1894779" y="4115551"/>
                </a:lnTo>
                <a:lnTo>
                  <a:pt x="1905185" y="4115551"/>
                </a:lnTo>
                <a:lnTo>
                  <a:pt x="1905185" y="4105145"/>
                </a:lnTo>
                <a:close/>
                <a:moveTo>
                  <a:pt x="1771055" y="4104442"/>
                </a:moveTo>
                <a:lnTo>
                  <a:pt x="1771055" y="4116181"/>
                </a:lnTo>
                <a:lnTo>
                  <a:pt x="1782794" y="4116181"/>
                </a:lnTo>
                <a:lnTo>
                  <a:pt x="1782794" y="4104442"/>
                </a:lnTo>
                <a:close/>
                <a:moveTo>
                  <a:pt x="1647553" y="4104034"/>
                </a:moveTo>
                <a:lnTo>
                  <a:pt x="1647553" y="4116625"/>
                </a:lnTo>
                <a:lnTo>
                  <a:pt x="1660144" y="4116625"/>
                </a:lnTo>
                <a:lnTo>
                  <a:pt x="1660144" y="4104034"/>
                </a:lnTo>
                <a:close/>
                <a:moveTo>
                  <a:pt x="1523829" y="4103405"/>
                </a:moveTo>
                <a:lnTo>
                  <a:pt x="1523829" y="4117292"/>
                </a:lnTo>
                <a:lnTo>
                  <a:pt x="1537716" y="4117292"/>
                </a:lnTo>
                <a:lnTo>
                  <a:pt x="1537716" y="4103405"/>
                </a:lnTo>
                <a:close/>
                <a:moveTo>
                  <a:pt x="1400364" y="4102960"/>
                </a:moveTo>
                <a:lnTo>
                  <a:pt x="1400364" y="4117736"/>
                </a:lnTo>
                <a:lnTo>
                  <a:pt x="1415140" y="4117736"/>
                </a:lnTo>
                <a:lnTo>
                  <a:pt x="1415140" y="4102960"/>
                </a:lnTo>
                <a:close/>
                <a:moveTo>
                  <a:pt x="1276863" y="4102515"/>
                </a:moveTo>
                <a:lnTo>
                  <a:pt x="1276863" y="4118143"/>
                </a:lnTo>
                <a:lnTo>
                  <a:pt x="1292490" y="4118143"/>
                </a:lnTo>
                <a:lnTo>
                  <a:pt x="1292490" y="4102515"/>
                </a:lnTo>
                <a:close/>
                <a:moveTo>
                  <a:pt x="1153361" y="4102072"/>
                </a:moveTo>
                <a:lnTo>
                  <a:pt x="1153361" y="4118588"/>
                </a:lnTo>
                <a:lnTo>
                  <a:pt x="1169877" y="4118588"/>
                </a:lnTo>
                <a:lnTo>
                  <a:pt x="1169877" y="4102072"/>
                </a:lnTo>
                <a:close/>
                <a:moveTo>
                  <a:pt x="1029859" y="4101664"/>
                </a:moveTo>
                <a:lnTo>
                  <a:pt x="1029859" y="4119032"/>
                </a:lnTo>
                <a:lnTo>
                  <a:pt x="1047227" y="4119032"/>
                </a:lnTo>
                <a:lnTo>
                  <a:pt x="1047227" y="4101664"/>
                </a:lnTo>
                <a:close/>
                <a:moveTo>
                  <a:pt x="906358" y="4101183"/>
                </a:moveTo>
                <a:lnTo>
                  <a:pt x="906358" y="4119440"/>
                </a:lnTo>
                <a:lnTo>
                  <a:pt x="924615" y="4119440"/>
                </a:lnTo>
                <a:lnTo>
                  <a:pt x="924615" y="4101183"/>
                </a:lnTo>
                <a:close/>
                <a:moveTo>
                  <a:pt x="783078" y="4100998"/>
                </a:moveTo>
                <a:lnTo>
                  <a:pt x="783078" y="4119662"/>
                </a:lnTo>
                <a:lnTo>
                  <a:pt x="801742" y="4119662"/>
                </a:lnTo>
                <a:lnTo>
                  <a:pt x="801742" y="4100998"/>
                </a:lnTo>
                <a:close/>
                <a:moveTo>
                  <a:pt x="659613" y="4100553"/>
                </a:moveTo>
                <a:lnTo>
                  <a:pt x="659613" y="4120106"/>
                </a:lnTo>
                <a:lnTo>
                  <a:pt x="679166" y="4120106"/>
                </a:lnTo>
                <a:lnTo>
                  <a:pt x="679166" y="4100553"/>
                </a:lnTo>
                <a:close/>
                <a:moveTo>
                  <a:pt x="536334" y="4100331"/>
                </a:moveTo>
                <a:lnTo>
                  <a:pt x="536334" y="4120328"/>
                </a:lnTo>
                <a:lnTo>
                  <a:pt x="556331" y="4120328"/>
                </a:lnTo>
                <a:lnTo>
                  <a:pt x="556331" y="4100331"/>
                </a:lnTo>
                <a:close/>
                <a:moveTo>
                  <a:pt x="413054" y="4100146"/>
                </a:moveTo>
                <a:lnTo>
                  <a:pt x="413054" y="4120551"/>
                </a:lnTo>
                <a:lnTo>
                  <a:pt x="433459" y="4120551"/>
                </a:lnTo>
                <a:lnTo>
                  <a:pt x="433459" y="4100146"/>
                </a:lnTo>
                <a:close/>
                <a:moveTo>
                  <a:pt x="43882" y="4100146"/>
                </a:moveTo>
                <a:lnTo>
                  <a:pt x="43882" y="4120551"/>
                </a:lnTo>
                <a:lnTo>
                  <a:pt x="64287" y="4120551"/>
                </a:lnTo>
                <a:lnTo>
                  <a:pt x="64287" y="4100146"/>
                </a:lnTo>
                <a:close/>
                <a:moveTo>
                  <a:pt x="289775" y="4099924"/>
                </a:moveTo>
                <a:lnTo>
                  <a:pt x="289775" y="4120773"/>
                </a:lnTo>
                <a:lnTo>
                  <a:pt x="310624" y="4120773"/>
                </a:lnTo>
                <a:lnTo>
                  <a:pt x="310624" y="4099924"/>
                </a:lnTo>
                <a:close/>
                <a:moveTo>
                  <a:pt x="166718" y="4099924"/>
                </a:moveTo>
                <a:lnTo>
                  <a:pt x="166718" y="4120773"/>
                </a:lnTo>
                <a:lnTo>
                  <a:pt x="187567" y="4120773"/>
                </a:lnTo>
                <a:lnTo>
                  <a:pt x="187567" y="4099924"/>
                </a:lnTo>
                <a:close/>
                <a:moveTo>
                  <a:pt x="4484019" y="3987051"/>
                </a:moveTo>
                <a:lnTo>
                  <a:pt x="4484019" y="3987495"/>
                </a:lnTo>
                <a:lnTo>
                  <a:pt x="4484463" y="3987495"/>
                </a:lnTo>
                <a:lnTo>
                  <a:pt x="4484463" y="3987051"/>
                </a:lnTo>
                <a:close/>
                <a:moveTo>
                  <a:pt x="4360961" y="3987051"/>
                </a:moveTo>
                <a:lnTo>
                  <a:pt x="4360961" y="3987495"/>
                </a:lnTo>
                <a:lnTo>
                  <a:pt x="4361405" y="3987495"/>
                </a:lnTo>
                <a:lnTo>
                  <a:pt x="4361405" y="3987051"/>
                </a:lnTo>
                <a:close/>
                <a:moveTo>
                  <a:pt x="4237904" y="3987051"/>
                </a:moveTo>
                <a:lnTo>
                  <a:pt x="4237904" y="3987495"/>
                </a:lnTo>
                <a:lnTo>
                  <a:pt x="4238348" y="3987495"/>
                </a:lnTo>
                <a:lnTo>
                  <a:pt x="4238348" y="3987051"/>
                </a:lnTo>
                <a:close/>
                <a:moveTo>
                  <a:pt x="4114847" y="3987051"/>
                </a:moveTo>
                <a:lnTo>
                  <a:pt x="4114847" y="3987495"/>
                </a:lnTo>
                <a:lnTo>
                  <a:pt x="4115291" y="3987495"/>
                </a:lnTo>
                <a:lnTo>
                  <a:pt x="4115291" y="3987051"/>
                </a:lnTo>
                <a:close/>
                <a:moveTo>
                  <a:pt x="3991789" y="3987051"/>
                </a:moveTo>
                <a:lnTo>
                  <a:pt x="3991789" y="3987495"/>
                </a:lnTo>
                <a:lnTo>
                  <a:pt x="3992234" y="3987495"/>
                </a:lnTo>
                <a:lnTo>
                  <a:pt x="3992234" y="3987051"/>
                </a:lnTo>
                <a:close/>
                <a:moveTo>
                  <a:pt x="3868732" y="3987051"/>
                </a:moveTo>
                <a:lnTo>
                  <a:pt x="3868732" y="3987495"/>
                </a:lnTo>
                <a:lnTo>
                  <a:pt x="3869176" y="3987495"/>
                </a:lnTo>
                <a:lnTo>
                  <a:pt x="3869176" y="3987051"/>
                </a:lnTo>
                <a:close/>
                <a:moveTo>
                  <a:pt x="3745453" y="3986865"/>
                </a:moveTo>
                <a:lnTo>
                  <a:pt x="3745453" y="3987717"/>
                </a:lnTo>
                <a:lnTo>
                  <a:pt x="3746305" y="3987717"/>
                </a:lnTo>
                <a:lnTo>
                  <a:pt x="3746305" y="3986865"/>
                </a:lnTo>
                <a:close/>
                <a:moveTo>
                  <a:pt x="3622395" y="3986865"/>
                </a:moveTo>
                <a:lnTo>
                  <a:pt x="3622395" y="3987717"/>
                </a:lnTo>
                <a:lnTo>
                  <a:pt x="3623247" y="3987717"/>
                </a:lnTo>
                <a:lnTo>
                  <a:pt x="3623247" y="3986865"/>
                </a:lnTo>
                <a:close/>
                <a:moveTo>
                  <a:pt x="3499116" y="3986643"/>
                </a:moveTo>
                <a:lnTo>
                  <a:pt x="3499116" y="3987939"/>
                </a:lnTo>
                <a:lnTo>
                  <a:pt x="3500412" y="3987939"/>
                </a:lnTo>
                <a:lnTo>
                  <a:pt x="3500412" y="3986643"/>
                </a:lnTo>
                <a:close/>
                <a:moveTo>
                  <a:pt x="3376058" y="3986643"/>
                </a:moveTo>
                <a:lnTo>
                  <a:pt x="3376058" y="3987939"/>
                </a:lnTo>
                <a:lnTo>
                  <a:pt x="3377354" y="3987939"/>
                </a:lnTo>
                <a:lnTo>
                  <a:pt x="3377354" y="3986643"/>
                </a:lnTo>
                <a:close/>
                <a:moveTo>
                  <a:pt x="3252779" y="3986421"/>
                </a:moveTo>
                <a:lnTo>
                  <a:pt x="3252779" y="3988161"/>
                </a:lnTo>
                <a:lnTo>
                  <a:pt x="3254519" y="3988161"/>
                </a:lnTo>
                <a:lnTo>
                  <a:pt x="3254519" y="3986421"/>
                </a:lnTo>
                <a:close/>
                <a:moveTo>
                  <a:pt x="3129277" y="3985977"/>
                </a:moveTo>
                <a:lnTo>
                  <a:pt x="3129277" y="3988569"/>
                </a:lnTo>
                <a:lnTo>
                  <a:pt x="3131869" y="3988569"/>
                </a:lnTo>
                <a:lnTo>
                  <a:pt x="3131869" y="3985977"/>
                </a:lnTo>
                <a:close/>
                <a:moveTo>
                  <a:pt x="3005998" y="3985754"/>
                </a:moveTo>
                <a:lnTo>
                  <a:pt x="3005998" y="3988791"/>
                </a:lnTo>
                <a:lnTo>
                  <a:pt x="3009035" y="3988791"/>
                </a:lnTo>
                <a:lnTo>
                  <a:pt x="3009035" y="3985754"/>
                </a:lnTo>
                <a:close/>
                <a:moveTo>
                  <a:pt x="2882496" y="3985310"/>
                </a:moveTo>
                <a:lnTo>
                  <a:pt x="2882496" y="3989235"/>
                </a:lnTo>
                <a:lnTo>
                  <a:pt x="2886421" y="3989235"/>
                </a:lnTo>
                <a:lnTo>
                  <a:pt x="2886421" y="3985310"/>
                </a:lnTo>
                <a:close/>
                <a:moveTo>
                  <a:pt x="2759216" y="3985124"/>
                </a:moveTo>
                <a:lnTo>
                  <a:pt x="2759216" y="3989457"/>
                </a:lnTo>
                <a:lnTo>
                  <a:pt x="2763549" y="3989457"/>
                </a:lnTo>
                <a:lnTo>
                  <a:pt x="2763549" y="3985124"/>
                </a:lnTo>
                <a:close/>
                <a:moveTo>
                  <a:pt x="2635715" y="3984643"/>
                </a:moveTo>
                <a:lnTo>
                  <a:pt x="2635715" y="3989865"/>
                </a:lnTo>
                <a:lnTo>
                  <a:pt x="2640936" y="3989865"/>
                </a:lnTo>
                <a:lnTo>
                  <a:pt x="2640936" y="3984643"/>
                </a:lnTo>
                <a:close/>
                <a:moveTo>
                  <a:pt x="2512028" y="3984013"/>
                </a:moveTo>
                <a:lnTo>
                  <a:pt x="2512028" y="3990531"/>
                </a:lnTo>
                <a:lnTo>
                  <a:pt x="2518546" y="3990531"/>
                </a:lnTo>
                <a:lnTo>
                  <a:pt x="2518546" y="3984013"/>
                </a:lnTo>
                <a:close/>
                <a:moveTo>
                  <a:pt x="2388526" y="3983607"/>
                </a:moveTo>
                <a:lnTo>
                  <a:pt x="2388526" y="3990976"/>
                </a:lnTo>
                <a:lnTo>
                  <a:pt x="2395895" y="3990976"/>
                </a:lnTo>
                <a:lnTo>
                  <a:pt x="2395895" y="3983607"/>
                </a:lnTo>
                <a:close/>
                <a:moveTo>
                  <a:pt x="2264802" y="3982902"/>
                </a:moveTo>
                <a:lnTo>
                  <a:pt x="2264802" y="3991605"/>
                </a:lnTo>
                <a:lnTo>
                  <a:pt x="2273504" y="3991605"/>
                </a:lnTo>
                <a:lnTo>
                  <a:pt x="2273504" y="3982902"/>
                </a:lnTo>
                <a:close/>
                <a:moveTo>
                  <a:pt x="2141301" y="3982496"/>
                </a:moveTo>
                <a:lnTo>
                  <a:pt x="2141301" y="3992050"/>
                </a:lnTo>
                <a:lnTo>
                  <a:pt x="2150855" y="3992050"/>
                </a:lnTo>
                <a:lnTo>
                  <a:pt x="2150855" y="3982496"/>
                </a:lnTo>
                <a:close/>
                <a:moveTo>
                  <a:pt x="2017614" y="3981866"/>
                </a:moveTo>
                <a:lnTo>
                  <a:pt x="2017614" y="3992716"/>
                </a:lnTo>
                <a:lnTo>
                  <a:pt x="2028464" y="3992716"/>
                </a:lnTo>
                <a:lnTo>
                  <a:pt x="2028464" y="3981866"/>
                </a:lnTo>
                <a:close/>
                <a:moveTo>
                  <a:pt x="1893890" y="3981200"/>
                </a:moveTo>
                <a:lnTo>
                  <a:pt x="1893890" y="3993346"/>
                </a:lnTo>
                <a:lnTo>
                  <a:pt x="1906037" y="3993346"/>
                </a:lnTo>
                <a:lnTo>
                  <a:pt x="1906037" y="3981200"/>
                </a:lnTo>
                <a:close/>
                <a:moveTo>
                  <a:pt x="1770166" y="3980532"/>
                </a:moveTo>
                <a:lnTo>
                  <a:pt x="1770166" y="3994012"/>
                </a:lnTo>
                <a:lnTo>
                  <a:pt x="1783646" y="3994012"/>
                </a:lnTo>
                <a:lnTo>
                  <a:pt x="1783646" y="3980532"/>
                </a:lnTo>
                <a:close/>
                <a:moveTo>
                  <a:pt x="1646479" y="3979866"/>
                </a:moveTo>
                <a:lnTo>
                  <a:pt x="1646479" y="3994642"/>
                </a:lnTo>
                <a:lnTo>
                  <a:pt x="1661255" y="3994642"/>
                </a:lnTo>
                <a:lnTo>
                  <a:pt x="1661255" y="3979866"/>
                </a:lnTo>
                <a:close/>
                <a:moveTo>
                  <a:pt x="1522755" y="3979236"/>
                </a:moveTo>
                <a:lnTo>
                  <a:pt x="1522755" y="3995308"/>
                </a:lnTo>
                <a:lnTo>
                  <a:pt x="1538827" y="3995308"/>
                </a:lnTo>
                <a:lnTo>
                  <a:pt x="1538827" y="3979236"/>
                </a:lnTo>
                <a:close/>
                <a:moveTo>
                  <a:pt x="1399031" y="3978607"/>
                </a:moveTo>
                <a:lnTo>
                  <a:pt x="1399031" y="3995975"/>
                </a:lnTo>
                <a:lnTo>
                  <a:pt x="1416399" y="3995975"/>
                </a:lnTo>
                <a:lnTo>
                  <a:pt x="1416399" y="3978607"/>
                </a:lnTo>
                <a:close/>
                <a:moveTo>
                  <a:pt x="1275567" y="3978125"/>
                </a:moveTo>
                <a:lnTo>
                  <a:pt x="1275567" y="3996382"/>
                </a:lnTo>
                <a:lnTo>
                  <a:pt x="1293824" y="3996382"/>
                </a:lnTo>
                <a:lnTo>
                  <a:pt x="1293824" y="3978125"/>
                </a:lnTo>
                <a:close/>
                <a:moveTo>
                  <a:pt x="1151843" y="3977496"/>
                </a:moveTo>
                <a:lnTo>
                  <a:pt x="1151843" y="3997049"/>
                </a:lnTo>
                <a:lnTo>
                  <a:pt x="1171396" y="3997049"/>
                </a:lnTo>
                <a:lnTo>
                  <a:pt x="1171396" y="3977496"/>
                </a:lnTo>
                <a:close/>
                <a:moveTo>
                  <a:pt x="1028341" y="3977088"/>
                </a:moveTo>
                <a:lnTo>
                  <a:pt x="1028341" y="3997493"/>
                </a:lnTo>
                <a:lnTo>
                  <a:pt x="1048746" y="3997493"/>
                </a:lnTo>
                <a:lnTo>
                  <a:pt x="1048746" y="3977088"/>
                </a:lnTo>
                <a:close/>
                <a:moveTo>
                  <a:pt x="904839" y="3976608"/>
                </a:moveTo>
                <a:lnTo>
                  <a:pt x="904839" y="3997901"/>
                </a:lnTo>
                <a:lnTo>
                  <a:pt x="926132" y="3997901"/>
                </a:lnTo>
                <a:lnTo>
                  <a:pt x="926132" y="3976608"/>
                </a:lnTo>
                <a:close/>
                <a:moveTo>
                  <a:pt x="781375" y="3976200"/>
                </a:moveTo>
                <a:lnTo>
                  <a:pt x="781375" y="3998345"/>
                </a:lnTo>
                <a:lnTo>
                  <a:pt x="803520" y="3998345"/>
                </a:lnTo>
                <a:lnTo>
                  <a:pt x="803520" y="3976200"/>
                </a:lnTo>
                <a:close/>
                <a:moveTo>
                  <a:pt x="657873" y="3975755"/>
                </a:moveTo>
                <a:lnTo>
                  <a:pt x="657873" y="3998789"/>
                </a:lnTo>
                <a:lnTo>
                  <a:pt x="680907" y="3998789"/>
                </a:lnTo>
                <a:lnTo>
                  <a:pt x="680907" y="3975755"/>
                </a:lnTo>
                <a:close/>
                <a:moveTo>
                  <a:pt x="534593" y="3975571"/>
                </a:moveTo>
                <a:lnTo>
                  <a:pt x="534593" y="3999012"/>
                </a:lnTo>
                <a:lnTo>
                  <a:pt x="558034" y="3999012"/>
                </a:lnTo>
                <a:lnTo>
                  <a:pt x="558034" y="3975571"/>
                </a:lnTo>
                <a:close/>
                <a:moveTo>
                  <a:pt x="411314" y="3975348"/>
                </a:moveTo>
                <a:lnTo>
                  <a:pt x="411314" y="3999234"/>
                </a:lnTo>
                <a:lnTo>
                  <a:pt x="435200" y="3999234"/>
                </a:lnTo>
                <a:lnTo>
                  <a:pt x="435200" y="3975348"/>
                </a:lnTo>
                <a:close/>
                <a:moveTo>
                  <a:pt x="41920" y="3975089"/>
                </a:moveTo>
                <a:lnTo>
                  <a:pt x="41920" y="3999419"/>
                </a:lnTo>
                <a:lnTo>
                  <a:pt x="66250" y="3999419"/>
                </a:lnTo>
                <a:lnTo>
                  <a:pt x="66250" y="3975089"/>
                </a:lnTo>
                <a:close/>
                <a:moveTo>
                  <a:pt x="287812" y="3974867"/>
                </a:moveTo>
                <a:lnTo>
                  <a:pt x="287812" y="3999641"/>
                </a:lnTo>
                <a:lnTo>
                  <a:pt x="312586" y="3999641"/>
                </a:lnTo>
                <a:lnTo>
                  <a:pt x="312586" y="3974867"/>
                </a:lnTo>
                <a:close/>
                <a:moveTo>
                  <a:pt x="164755" y="3974867"/>
                </a:moveTo>
                <a:lnTo>
                  <a:pt x="164755" y="3999641"/>
                </a:lnTo>
                <a:lnTo>
                  <a:pt x="189529" y="3999641"/>
                </a:lnTo>
                <a:lnTo>
                  <a:pt x="189529" y="3974867"/>
                </a:lnTo>
                <a:close/>
                <a:moveTo>
                  <a:pt x="4484019" y="3863993"/>
                </a:moveTo>
                <a:lnTo>
                  <a:pt x="4484019" y="3864437"/>
                </a:lnTo>
                <a:lnTo>
                  <a:pt x="4484463" y="3864437"/>
                </a:lnTo>
                <a:lnTo>
                  <a:pt x="4484463" y="3863993"/>
                </a:lnTo>
                <a:close/>
                <a:moveTo>
                  <a:pt x="4360961" y="3863993"/>
                </a:moveTo>
                <a:lnTo>
                  <a:pt x="4360961" y="3864437"/>
                </a:lnTo>
                <a:lnTo>
                  <a:pt x="4361405" y="3864437"/>
                </a:lnTo>
                <a:lnTo>
                  <a:pt x="4361405" y="3863993"/>
                </a:lnTo>
                <a:close/>
                <a:moveTo>
                  <a:pt x="4237904" y="3863993"/>
                </a:moveTo>
                <a:lnTo>
                  <a:pt x="4237904" y="3864437"/>
                </a:lnTo>
                <a:lnTo>
                  <a:pt x="4238348" y="3864437"/>
                </a:lnTo>
                <a:lnTo>
                  <a:pt x="4238348" y="3863993"/>
                </a:lnTo>
                <a:close/>
                <a:moveTo>
                  <a:pt x="4114847" y="3863993"/>
                </a:moveTo>
                <a:lnTo>
                  <a:pt x="4114847" y="3864437"/>
                </a:lnTo>
                <a:lnTo>
                  <a:pt x="4115291" y="3864437"/>
                </a:lnTo>
                <a:lnTo>
                  <a:pt x="4115291" y="3863993"/>
                </a:lnTo>
                <a:close/>
                <a:moveTo>
                  <a:pt x="3991789" y="3863993"/>
                </a:moveTo>
                <a:lnTo>
                  <a:pt x="3991789" y="3864437"/>
                </a:lnTo>
                <a:lnTo>
                  <a:pt x="3992234" y="3864437"/>
                </a:lnTo>
                <a:lnTo>
                  <a:pt x="3992234" y="3863993"/>
                </a:lnTo>
                <a:close/>
                <a:moveTo>
                  <a:pt x="3868732" y="3863993"/>
                </a:moveTo>
                <a:lnTo>
                  <a:pt x="3868732" y="3864437"/>
                </a:lnTo>
                <a:lnTo>
                  <a:pt x="3869176" y="3864437"/>
                </a:lnTo>
                <a:lnTo>
                  <a:pt x="3869176" y="3863993"/>
                </a:lnTo>
                <a:close/>
                <a:moveTo>
                  <a:pt x="3745453" y="3863807"/>
                </a:moveTo>
                <a:lnTo>
                  <a:pt x="3745453" y="3864659"/>
                </a:lnTo>
                <a:lnTo>
                  <a:pt x="3746305" y="3864659"/>
                </a:lnTo>
                <a:lnTo>
                  <a:pt x="3746305" y="3863807"/>
                </a:lnTo>
                <a:close/>
                <a:moveTo>
                  <a:pt x="3622395" y="3863807"/>
                </a:moveTo>
                <a:lnTo>
                  <a:pt x="3622395" y="3864659"/>
                </a:lnTo>
                <a:lnTo>
                  <a:pt x="3623247" y="3864659"/>
                </a:lnTo>
                <a:lnTo>
                  <a:pt x="3623247" y="3863807"/>
                </a:lnTo>
                <a:close/>
                <a:moveTo>
                  <a:pt x="3499116" y="3863586"/>
                </a:moveTo>
                <a:lnTo>
                  <a:pt x="3499116" y="3864882"/>
                </a:lnTo>
                <a:lnTo>
                  <a:pt x="3500412" y="3864882"/>
                </a:lnTo>
                <a:lnTo>
                  <a:pt x="3500412" y="3863586"/>
                </a:lnTo>
                <a:close/>
                <a:moveTo>
                  <a:pt x="3375836" y="3863326"/>
                </a:moveTo>
                <a:lnTo>
                  <a:pt x="3375836" y="3865067"/>
                </a:lnTo>
                <a:lnTo>
                  <a:pt x="3377576" y="3865067"/>
                </a:lnTo>
                <a:lnTo>
                  <a:pt x="3377576" y="3863326"/>
                </a:lnTo>
                <a:close/>
                <a:moveTo>
                  <a:pt x="3252557" y="3863104"/>
                </a:moveTo>
                <a:lnTo>
                  <a:pt x="3252557" y="3865289"/>
                </a:lnTo>
                <a:lnTo>
                  <a:pt x="3254742" y="3865289"/>
                </a:lnTo>
                <a:lnTo>
                  <a:pt x="3254742" y="3863104"/>
                </a:lnTo>
                <a:close/>
                <a:moveTo>
                  <a:pt x="3129277" y="3862919"/>
                </a:moveTo>
                <a:lnTo>
                  <a:pt x="3129277" y="3865511"/>
                </a:lnTo>
                <a:lnTo>
                  <a:pt x="3131869" y="3865511"/>
                </a:lnTo>
                <a:lnTo>
                  <a:pt x="3131869" y="3862919"/>
                </a:lnTo>
                <a:close/>
                <a:moveTo>
                  <a:pt x="3005776" y="3862475"/>
                </a:moveTo>
                <a:lnTo>
                  <a:pt x="3005776" y="3865956"/>
                </a:lnTo>
                <a:lnTo>
                  <a:pt x="3009257" y="3865956"/>
                </a:lnTo>
                <a:lnTo>
                  <a:pt x="3009257" y="3862475"/>
                </a:lnTo>
                <a:close/>
                <a:moveTo>
                  <a:pt x="2882496" y="3862253"/>
                </a:moveTo>
                <a:lnTo>
                  <a:pt x="2882496" y="3866178"/>
                </a:lnTo>
                <a:lnTo>
                  <a:pt x="2886421" y="3866178"/>
                </a:lnTo>
                <a:lnTo>
                  <a:pt x="2886421" y="3862253"/>
                </a:lnTo>
                <a:close/>
                <a:moveTo>
                  <a:pt x="2758994" y="3861808"/>
                </a:moveTo>
                <a:lnTo>
                  <a:pt x="2758994" y="3866585"/>
                </a:lnTo>
                <a:lnTo>
                  <a:pt x="2763771" y="3866585"/>
                </a:lnTo>
                <a:lnTo>
                  <a:pt x="2763771" y="3861808"/>
                </a:lnTo>
                <a:close/>
                <a:moveTo>
                  <a:pt x="2635307" y="3861179"/>
                </a:moveTo>
                <a:lnTo>
                  <a:pt x="2635307" y="3867252"/>
                </a:lnTo>
                <a:lnTo>
                  <a:pt x="2641380" y="3867252"/>
                </a:lnTo>
                <a:lnTo>
                  <a:pt x="2641380" y="3861179"/>
                </a:lnTo>
                <a:close/>
                <a:moveTo>
                  <a:pt x="2511806" y="3860734"/>
                </a:moveTo>
                <a:lnTo>
                  <a:pt x="2511806" y="3867696"/>
                </a:lnTo>
                <a:lnTo>
                  <a:pt x="2518768" y="3867696"/>
                </a:lnTo>
                <a:lnTo>
                  <a:pt x="2518768" y="3860734"/>
                </a:lnTo>
                <a:close/>
                <a:moveTo>
                  <a:pt x="2388082" y="3860068"/>
                </a:moveTo>
                <a:lnTo>
                  <a:pt x="2388082" y="3868326"/>
                </a:lnTo>
                <a:lnTo>
                  <a:pt x="2396340" y="3868326"/>
                </a:lnTo>
                <a:lnTo>
                  <a:pt x="2396340" y="3860068"/>
                </a:lnTo>
                <a:close/>
                <a:moveTo>
                  <a:pt x="2264395" y="3859438"/>
                </a:moveTo>
                <a:lnTo>
                  <a:pt x="2264395" y="3868992"/>
                </a:lnTo>
                <a:lnTo>
                  <a:pt x="2273949" y="3868992"/>
                </a:lnTo>
                <a:lnTo>
                  <a:pt x="2273949" y="3859438"/>
                </a:lnTo>
                <a:close/>
                <a:moveTo>
                  <a:pt x="2140671" y="3858809"/>
                </a:moveTo>
                <a:lnTo>
                  <a:pt x="2140671" y="3869659"/>
                </a:lnTo>
                <a:lnTo>
                  <a:pt x="2151521" y="3869659"/>
                </a:lnTo>
                <a:lnTo>
                  <a:pt x="2151521" y="3858809"/>
                </a:lnTo>
                <a:close/>
                <a:moveTo>
                  <a:pt x="2016947" y="3858141"/>
                </a:moveTo>
                <a:lnTo>
                  <a:pt x="2016947" y="3870288"/>
                </a:lnTo>
                <a:lnTo>
                  <a:pt x="2029094" y="3870288"/>
                </a:lnTo>
                <a:lnTo>
                  <a:pt x="2029094" y="3858141"/>
                </a:lnTo>
                <a:close/>
                <a:moveTo>
                  <a:pt x="1893038" y="3857290"/>
                </a:moveTo>
                <a:lnTo>
                  <a:pt x="1893038" y="3871177"/>
                </a:lnTo>
                <a:lnTo>
                  <a:pt x="1906925" y="3871177"/>
                </a:lnTo>
                <a:lnTo>
                  <a:pt x="1906925" y="3857290"/>
                </a:lnTo>
                <a:close/>
                <a:moveTo>
                  <a:pt x="1769092" y="3856401"/>
                </a:moveTo>
                <a:lnTo>
                  <a:pt x="1769092" y="3872029"/>
                </a:lnTo>
                <a:lnTo>
                  <a:pt x="1784720" y="3872029"/>
                </a:lnTo>
                <a:lnTo>
                  <a:pt x="1784720" y="3856401"/>
                </a:lnTo>
                <a:close/>
                <a:moveTo>
                  <a:pt x="1645368" y="3855771"/>
                </a:moveTo>
                <a:lnTo>
                  <a:pt x="1645368" y="3872695"/>
                </a:lnTo>
                <a:lnTo>
                  <a:pt x="1662292" y="3872695"/>
                </a:lnTo>
                <a:lnTo>
                  <a:pt x="1662292" y="3855771"/>
                </a:lnTo>
                <a:close/>
                <a:moveTo>
                  <a:pt x="1521681" y="3855068"/>
                </a:moveTo>
                <a:lnTo>
                  <a:pt x="1521681" y="3873325"/>
                </a:lnTo>
                <a:lnTo>
                  <a:pt x="1539938" y="3873325"/>
                </a:lnTo>
                <a:lnTo>
                  <a:pt x="1539938" y="3855068"/>
                </a:lnTo>
                <a:close/>
                <a:moveTo>
                  <a:pt x="1397735" y="3854217"/>
                </a:moveTo>
                <a:lnTo>
                  <a:pt x="1397735" y="3874214"/>
                </a:lnTo>
                <a:lnTo>
                  <a:pt x="1417732" y="3874214"/>
                </a:lnTo>
                <a:lnTo>
                  <a:pt x="1417732" y="3854217"/>
                </a:lnTo>
                <a:close/>
                <a:moveTo>
                  <a:pt x="1274048" y="3853550"/>
                </a:moveTo>
                <a:lnTo>
                  <a:pt x="1274048" y="3874843"/>
                </a:lnTo>
                <a:lnTo>
                  <a:pt x="1295341" y="3874843"/>
                </a:lnTo>
                <a:lnTo>
                  <a:pt x="1295341" y="3853550"/>
                </a:lnTo>
                <a:close/>
                <a:moveTo>
                  <a:pt x="1150324" y="3852920"/>
                </a:moveTo>
                <a:lnTo>
                  <a:pt x="1150324" y="3875510"/>
                </a:lnTo>
                <a:lnTo>
                  <a:pt x="1172914" y="3875510"/>
                </a:lnTo>
                <a:lnTo>
                  <a:pt x="1172914" y="3852920"/>
                </a:lnTo>
                <a:close/>
                <a:moveTo>
                  <a:pt x="1026600" y="3852290"/>
                </a:moveTo>
                <a:lnTo>
                  <a:pt x="1026600" y="3876176"/>
                </a:lnTo>
                <a:lnTo>
                  <a:pt x="1050486" y="3876176"/>
                </a:lnTo>
                <a:lnTo>
                  <a:pt x="1050486" y="3852290"/>
                </a:lnTo>
                <a:close/>
                <a:moveTo>
                  <a:pt x="903099" y="3851810"/>
                </a:moveTo>
                <a:lnTo>
                  <a:pt x="903099" y="3876584"/>
                </a:lnTo>
                <a:lnTo>
                  <a:pt x="927873" y="3876584"/>
                </a:lnTo>
                <a:lnTo>
                  <a:pt x="927873" y="3851810"/>
                </a:lnTo>
                <a:close/>
                <a:moveTo>
                  <a:pt x="779412" y="3851179"/>
                </a:moveTo>
                <a:lnTo>
                  <a:pt x="779412" y="3877250"/>
                </a:lnTo>
                <a:lnTo>
                  <a:pt x="805483" y="3877250"/>
                </a:lnTo>
                <a:lnTo>
                  <a:pt x="805483" y="3851179"/>
                </a:lnTo>
                <a:close/>
                <a:moveTo>
                  <a:pt x="655910" y="3850773"/>
                </a:moveTo>
                <a:lnTo>
                  <a:pt x="655910" y="3877695"/>
                </a:lnTo>
                <a:lnTo>
                  <a:pt x="682832" y="3877695"/>
                </a:lnTo>
                <a:lnTo>
                  <a:pt x="682832" y="3850773"/>
                </a:lnTo>
                <a:close/>
                <a:moveTo>
                  <a:pt x="532409" y="3850291"/>
                </a:moveTo>
                <a:lnTo>
                  <a:pt x="532409" y="3878102"/>
                </a:lnTo>
                <a:lnTo>
                  <a:pt x="560220" y="3878102"/>
                </a:lnTo>
                <a:lnTo>
                  <a:pt x="560220" y="3850291"/>
                </a:lnTo>
                <a:close/>
                <a:moveTo>
                  <a:pt x="409129" y="3850106"/>
                </a:moveTo>
                <a:lnTo>
                  <a:pt x="409129" y="3878324"/>
                </a:lnTo>
                <a:lnTo>
                  <a:pt x="437347" y="3878324"/>
                </a:lnTo>
                <a:lnTo>
                  <a:pt x="437347" y="3850106"/>
                </a:lnTo>
                <a:close/>
                <a:moveTo>
                  <a:pt x="285849" y="3849883"/>
                </a:moveTo>
                <a:lnTo>
                  <a:pt x="285849" y="3878546"/>
                </a:lnTo>
                <a:lnTo>
                  <a:pt x="314512" y="3878546"/>
                </a:lnTo>
                <a:lnTo>
                  <a:pt x="314512" y="3849883"/>
                </a:lnTo>
                <a:close/>
                <a:moveTo>
                  <a:pt x="39735" y="3849883"/>
                </a:moveTo>
                <a:lnTo>
                  <a:pt x="39735" y="3878546"/>
                </a:lnTo>
                <a:lnTo>
                  <a:pt x="68398" y="3878546"/>
                </a:lnTo>
                <a:lnTo>
                  <a:pt x="68398" y="3849883"/>
                </a:lnTo>
                <a:close/>
                <a:moveTo>
                  <a:pt x="162570" y="3849662"/>
                </a:moveTo>
                <a:lnTo>
                  <a:pt x="162570" y="3878769"/>
                </a:lnTo>
                <a:lnTo>
                  <a:pt x="191677" y="3878769"/>
                </a:lnTo>
                <a:lnTo>
                  <a:pt x="191677" y="3849662"/>
                </a:lnTo>
                <a:close/>
                <a:moveTo>
                  <a:pt x="4484019" y="3740936"/>
                </a:moveTo>
                <a:lnTo>
                  <a:pt x="4484019" y="3741380"/>
                </a:lnTo>
                <a:lnTo>
                  <a:pt x="4484463" y="3741380"/>
                </a:lnTo>
                <a:lnTo>
                  <a:pt x="4484463" y="3740936"/>
                </a:lnTo>
                <a:close/>
                <a:moveTo>
                  <a:pt x="4360961" y="3740936"/>
                </a:moveTo>
                <a:lnTo>
                  <a:pt x="4360961" y="3741380"/>
                </a:lnTo>
                <a:lnTo>
                  <a:pt x="4361405" y="3741380"/>
                </a:lnTo>
                <a:lnTo>
                  <a:pt x="4361405" y="3740936"/>
                </a:lnTo>
                <a:close/>
                <a:moveTo>
                  <a:pt x="4237904" y="3740936"/>
                </a:moveTo>
                <a:lnTo>
                  <a:pt x="4237904" y="3741380"/>
                </a:lnTo>
                <a:lnTo>
                  <a:pt x="4238348" y="3741380"/>
                </a:lnTo>
                <a:lnTo>
                  <a:pt x="4238348" y="3740936"/>
                </a:lnTo>
                <a:close/>
                <a:moveTo>
                  <a:pt x="4114847" y="3740936"/>
                </a:moveTo>
                <a:lnTo>
                  <a:pt x="4114847" y="3741380"/>
                </a:lnTo>
                <a:lnTo>
                  <a:pt x="4115291" y="3741380"/>
                </a:lnTo>
                <a:lnTo>
                  <a:pt x="4115291" y="3740936"/>
                </a:lnTo>
                <a:close/>
                <a:moveTo>
                  <a:pt x="3991789" y="3740936"/>
                </a:moveTo>
                <a:lnTo>
                  <a:pt x="3991789" y="3741380"/>
                </a:lnTo>
                <a:lnTo>
                  <a:pt x="3992234" y="3741380"/>
                </a:lnTo>
                <a:lnTo>
                  <a:pt x="3992234" y="3740936"/>
                </a:lnTo>
                <a:close/>
                <a:moveTo>
                  <a:pt x="3868732" y="3740936"/>
                </a:moveTo>
                <a:lnTo>
                  <a:pt x="3868732" y="3741380"/>
                </a:lnTo>
                <a:lnTo>
                  <a:pt x="3869176" y="3741380"/>
                </a:lnTo>
                <a:lnTo>
                  <a:pt x="3869176" y="3740936"/>
                </a:lnTo>
                <a:close/>
                <a:moveTo>
                  <a:pt x="3745453" y="3740750"/>
                </a:moveTo>
                <a:lnTo>
                  <a:pt x="3745453" y="3741602"/>
                </a:lnTo>
                <a:lnTo>
                  <a:pt x="3746305" y="3741602"/>
                </a:lnTo>
                <a:lnTo>
                  <a:pt x="3746305" y="3740750"/>
                </a:lnTo>
                <a:close/>
                <a:moveTo>
                  <a:pt x="3622395" y="3740750"/>
                </a:moveTo>
                <a:lnTo>
                  <a:pt x="3622395" y="3741602"/>
                </a:lnTo>
                <a:lnTo>
                  <a:pt x="3623247" y="3741602"/>
                </a:lnTo>
                <a:lnTo>
                  <a:pt x="3623247" y="3740750"/>
                </a:lnTo>
                <a:close/>
                <a:moveTo>
                  <a:pt x="3499116" y="3740491"/>
                </a:moveTo>
                <a:lnTo>
                  <a:pt x="3499116" y="3741787"/>
                </a:lnTo>
                <a:lnTo>
                  <a:pt x="3500412" y="3741787"/>
                </a:lnTo>
                <a:lnTo>
                  <a:pt x="3500412" y="3740491"/>
                </a:lnTo>
                <a:close/>
                <a:moveTo>
                  <a:pt x="3375836" y="3740269"/>
                </a:moveTo>
                <a:lnTo>
                  <a:pt x="3375836" y="3742009"/>
                </a:lnTo>
                <a:lnTo>
                  <a:pt x="3377576" y="3742009"/>
                </a:lnTo>
                <a:lnTo>
                  <a:pt x="3377576" y="3740269"/>
                </a:lnTo>
                <a:close/>
                <a:moveTo>
                  <a:pt x="3252557" y="3740047"/>
                </a:moveTo>
                <a:lnTo>
                  <a:pt x="3252557" y="3742232"/>
                </a:lnTo>
                <a:lnTo>
                  <a:pt x="3254742" y="3742232"/>
                </a:lnTo>
                <a:lnTo>
                  <a:pt x="3254742" y="3740047"/>
                </a:lnTo>
                <a:close/>
                <a:moveTo>
                  <a:pt x="3129055" y="3739639"/>
                </a:moveTo>
                <a:lnTo>
                  <a:pt x="3129055" y="3742676"/>
                </a:lnTo>
                <a:lnTo>
                  <a:pt x="3132092" y="3742676"/>
                </a:lnTo>
                <a:lnTo>
                  <a:pt x="3132092" y="3739639"/>
                </a:lnTo>
                <a:close/>
                <a:moveTo>
                  <a:pt x="3005776" y="3739417"/>
                </a:moveTo>
                <a:lnTo>
                  <a:pt x="3005776" y="3742898"/>
                </a:lnTo>
                <a:lnTo>
                  <a:pt x="3009257" y="3742898"/>
                </a:lnTo>
                <a:lnTo>
                  <a:pt x="3009257" y="3739417"/>
                </a:lnTo>
                <a:close/>
                <a:moveTo>
                  <a:pt x="2882274" y="3739010"/>
                </a:moveTo>
                <a:lnTo>
                  <a:pt x="2882274" y="3743343"/>
                </a:lnTo>
                <a:lnTo>
                  <a:pt x="2886607" y="3743343"/>
                </a:lnTo>
                <a:lnTo>
                  <a:pt x="2886607" y="3739010"/>
                </a:lnTo>
                <a:close/>
                <a:moveTo>
                  <a:pt x="2758587" y="3738343"/>
                </a:moveTo>
                <a:lnTo>
                  <a:pt x="2758587" y="3743972"/>
                </a:lnTo>
                <a:lnTo>
                  <a:pt x="2764216" y="3743972"/>
                </a:lnTo>
                <a:lnTo>
                  <a:pt x="2764216" y="3738343"/>
                </a:lnTo>
                <a:close/>
                <a:moveTo>
                  <a:pt x="2635085" y="3737899"/>
                </a:moveTo>
                <a:lnTo>
                  <a:pt x="2635085" y="3744417"/>
                </a:lnTo>
                <a:lnTo>
                  <a:pt x="2641603" y="3744417"/>
                </a:lnTo>
                <a:lnTo>
                  <a:pt x="2641603" y="3737899"/>
                </a:lnTo>
                <a:close/>
                <a:moveTo>
                  <a:pt x="2511361" y="3737232"/>
                </a:moveTo>
                <a:lnTo>
                  <a:pt x="2511361" y="3745046"/>
                </a:lnTo>
                <a:lnTo>
                  <a:pt x="2519175" y="3745046"/>
                </a:lnTo>
                <a:lnTo>
                  <a:pt x="2519175" y="3737232"/>
                </a:lnTo>
                <a:close/>
                <a:moveTo>
                  <a:pt x="2387674" y="3736603"/>
                </a:moveTo>
                <a:lnTo>
                  <a:pt x="2387674" y="3745713"/>
                </a:lnTo>
                <a:lnTo>
                  <a:pt x="2396784" y="3745713"/>
                </a:lnTo>
                <a:lnTo>
                  <a:pt x="2396784" y="3736603"/>
                </a:lnTo>
                <a:close/>
                <a:moveTo>
                  <a:pt x="2263728" y="3735751"/>
                </a:moveTo>
                <a:lnTo>
                  <a:pt x="2263728" y="3746601"/>
                </a:lnTo>
                <a:lnTo>
                  <a:pt x="2274578" y="3746601"/>
                </a:lnTo>
                <a:lnTo>
                  <a:pt x="2274578" y="3735751"/>
                </a:lnTo>
                <a:close/>
                <a:moveTo>
                  <a:pt x="2140004" y="3735084"/>
                </a:moveTo>
                <a:lnTo>
                  <a:pt x="2140004" y="3747231"/>
                </a:lnTo>
                <a:lnTo>
                  <a:pt x="2152151" y="3747231"/>
                </a:lnTo>
                <a:lnTo>
                  <a:pt x="2152151" y="3735084"/>
                </a:lnTo>
                <a:close/>
                <a:moveTo>
                  <a:pt x="2016095" y="3734233"/>
                </a:moveTo>
                <a:lnTo>
                  <a:pt x="2016095" y="3748120"/>
                </a:lnTo>
                <a:lnTo>
                  <a:pt x="2029982" y="3748120"/>
                </a:lnTo>
                <a:lnTo>
                  <a:pt x="2029982" y="3734233"/>
                </a:lnTo>
                <a:close/>
                <a:moveTo>
                  <a:pt x="1892149" y="3733344"/>
                </a:moveTo>
                <a:lnTo>
                  <a:pt x="1892149" y="3748971"/>
                </a:lnTo>
                <a:lnTo>
                  <a:pt x="1907776" y="3748971"/>
                </a:lnTo>
                <a:lnTo>
                  <a:pt x="1907776" y="3733344"/>
                </a:lnTo>
                <a:close/>
                <a:moveTo>
                  <a:pt x="1768240" y="3732455"/>
                </a:moveTo>
                <a:lnTo>
                  <a:pt x="1768240" y="3749823"/>
                </a:lnTo>
                <a:lnTo>
                  <a:pt x="1785608" y="3749823"/>
                </a:lnTo>
                <a:lnTo>
                  <a:pt x="1785608" y="3732455"/>
                </a:lnTo>
                <a:close/>
                <a:moveTo>
                  <a:pt x="1644294" y="3731604"/>
                </a:moveTo>
                <a:lnTo>
                  <a:pt x="1644294" y="3750712"/>
                </a:lnTo>
                <a:lnTo>
                  <a:pt x="1663402" y="3750712"/>
                </a:lnTo>
                <a:lnTo>
                  <a:pt x="1663402" y="3731604"/>
                </a:lnTo>
                <a:close/>
                <a:moveTo>
                  <a:pt x="1520385" y="3730715"/>
                </a:moveTo>
                <a:lnTo>
                  <a:pt x="1520385" y="3751564"/>
                </a:lnTo>
                <a:lnTo>
                  <a:pt x="1541234" y="3751564"/>
                </a:lnTo>
                <a:lnTo>
                  <a:pt x="1541234" y="3730715"/>
                </a:lnTo>
                <a:close/>
                <a:moveTo>
                  <a:pt x="1396439" y="3729863"/>
                </a:moveTo>
                <a:lnTo>
                  <a:pt x="1396439" y="3752452"/>
                </a:lnTo>
                <a:lnTo>
                  <a:pt x="1419029" y="3752452"/>
                </a:lnTo>
                <a:lnTo>
                  <a:pt x="1419029" y="3729863"/>
                </a:lnTo>
                <a:close/>
                <a:moveTo>
                  <a:pt x="1272530" y="3728974"/>
                </a:moveTo>
                <a:lnTo>
                  <a:pt x="1272530" y="3753304"/>
                </a:lnTo>
                <a:lnTo>
                  <a:pt x="1296860" y="3753304"/>
                </a:lnTo>
                <a:lnTo>
                  <a:pt x="1296860" y="3728974"/>
                </a:lnTo>
                <a:close/>
                <a:moveTo>
                  <a:pt x="1148806" y="3728345"/>
                </a:moveTo>
                <a:lnTo>
                  <a:pt x="1148806" y="3753971"/>
                </a:lnTo>
                <a:lnTo>
                  <a:pt x="1174432" y="3753971"/>
                </a:lnTo>
                <a:lnTo>
                  <a:pt x="1174432" y="3728345"/>
                </a:lnTo>
                <a:close/>
                <a:moveTo>
                  <a:pt x="1024860" y="3727456"/>
                </a:moveTo>
                <a:lnTo>
                  <a:pt x="1024860" y="3754823"/>
                </a:lnTo>
                <a:lnTo>
                  <a:pt x="1052227" y="3754823"/>
                </a:lnTo>
                <a:lnTo>
                  <a:pt x="1052227" y="3727456"/>
                </a:lnTo>
                <a:close/>
                <a:moveTo>
                  <a:pt x="901173" y="3726826"/>
                </a:moveTo>
                <a:lnTo>
                  <a:pt x="901173" y="3755489"/>
                </a:lnTo>
                <a:lnTo>
                  <a:pt x="929836" y="3755489"/>
                </a:lnTo>
                <a:lnTo>
                  <a:pt x="929836" y="3726826"/>
                </a:lnTo>
                <a:close/>
                <a:moveTo>
                  <a:pt x="777449" y="3726197"/>
                </a:moveTo>
                <a:lnTo>
                  <a:pt x="777449" y="3756156"/>
                </a:lnTo>
                <a:lnTo>
                  <a:pt x="807408" y="3756156"/>
                </a:lnTo>
                <a:lnTo>
                  <a:pt x="807408" y="3726197"/>
                </a:lnTo>
                <a:close/>
                <a:moveTo>
                  <a:pt x="653948" y="3725715"/>
                </a:moveTo>
                <a:lnTo>
                  <a:pt x="653948" y="3756563"/>
                </a:lnTo>
                <a:lnTo>
                  <a:pt x="684796" y="3756563"/>
                </a:lnTo>
                <a:lnTo>
                  <a:pt x="684796" y="3725715"/>
                </a:lnTo>
                <a:close/>
                <a:moveTo>
                  <a:pt x="530446" y="3725308"/>
                </a:moveTo>
                <a:lnTo>
                  <a:pt x="530446" y="3757007"/>
                </a:lnTo>
                <a:lnTo>
                  <a:pt x="562145" y="3757007"/>
                </a:lnTo>
                <a:lnTo>
                  <a:pt x="562145" y="3725308"/>
                </a:lnTo>
                <a:close/>
                <a:moveTo>
                  <a:pt x="406981" y="3724864"/>
                </a:moveTo>
                <a:lnTo>
                  <a:pt x="406981" y="3757452"/>
                </a:lnTo>
                <a:lnTo>
                  <a:pt x="439569" y="3757452"/>
                </a:lnTo>
                <a:lnTo>
                  <a:pt x="439569" y="3724864"/>
                </a:lnTo>
                <a:close/>
                <a:moveTo>
                  <a:pt x="283702" y="3724679"/>
                </a:moveTo>
                <a:lnTo>
                  <a:pt x="283702" y="3757674"/>
                </a:lnTo>
                <a:lnTo>
                  <a:pt x="316698" y="3757674"/>
                </a:lnTo>
                <a:lnTo>
                  <a:pt x="316698" y="3724679"/>
                </a:lnTo>
                <a:close/>
                <a:moveTo>
                  <a:pt x="37587" y="3724679"/>
                </a:moveTo>
                <a:lnTo>
                  <a:pt x="37587" y="3757674"/>
                </a:lnTo>
                <a:lnTo>
                  <a:pt x="70583" y="3757674"/>
                </a:lnTo>
                <a:lnTo>
                  <a:pt x="70583" y="3724679"/>
                </a:lnTo>
                <a:close/>
                <a:moveTo>
                  <a:pt x="160422" y="3724419"/>
                </a:moveTo>
                <a:lnTo>
                  <a:pt x="160422" y="3757859"/>
                </a:lnTo>
                <a:lnTo>
                  <a:pt x="193862" y="3757859"/>
                </a:lnTo>
                <a:lnTo>
                  <a:pt x="193862" y="3724419"/>
                </a:lnTo>
                <a:close/>
                <a:moveTo>
                  <a:pt x="4484019" y="3617879"/>
                </a:moveTo>
                <a:lnTo>
                  <a:pt x="4484019" y="3618323"/>
                </a:lnTo>
                <a:lnTo>
                  <a:pt x="4484463" y="3618323"/>
                </a:lnTo>
                <a:lnTo>
                  <a:pt x="4484463" y="3617879"/>
                </a:lnTo>
                <a:close/>
                <a:moveTo>
                  <a:pt x="4360961" y="3617879"/>
                </a:moveTo>
                <a:lnTo>
                  <a:pt x="4360961" y="3618323"/>
                </a:lnTo>
                <a:lnTo>
                  <a:pt x="4361405" y="3618323"/>
                </a:lnTo>
                <a:lnTo>
                  <a:pt x="4361405" y="3617879"/>
                </a:lnTo>
                <a:close/>
                <a:moveTo>
                  <a:pt x="4237904" y="3617879"/>
                </a:moveTo>
                <a:lnTo>
                  <a:pt x="4237904" y="3618323"/>
                </a:lnTo>
                <a:lnTo>
                  <a:pt x="4238348" y="3618323"/>
                </a:lnTo>
                <a:lnTo>
                  <a:pt x="4238348" y="3617879"/>
                </a:lnTo>
                <a:close/>
                <a:moveTo>
                  <a:pt x="4114847" y="3617879"/>
                </a:moveTo>
                <a:lnTo>
                  <a:pt x="4114847" y="3618323"/>
                </a:lnTo>
                <a:lnTo>
                  <a:pt x="4115291" y="3618323"/>
                </a:lnTo>
                <a:lnTo>
                  <a:pt x="4115291" y="3617879"/>
                </a:lnTo>
                <a:close/>
                <a:moveTo>
                  <a:pt x="3991789" y="3617879"/>
                </a:moveTo>
                <a:lnTo>
                  <a:pt x="3991789" y="3618323"/>
                </a:lnTo>
                <a:lnTo>
                  <a:pt x="3992234" y="3618323"/>
                </a:lnTo>
                <a:lnTo>
                  <a:pt x="3992234" y="3617879"/>
                </a:lnTo>
                <a:close/>
                <a:moveTo>
                  <a:pt x="3868732" y="3617879"/>
                </a:moveTo>
                <a:lnTo>
                  <a:pt x="3868732" y="3618323"/>
                </a:lnTo>
                <a:lnTo>
                  <a:pt x="3869176" y="3618323"/>
                </a:lnTo>
                <a:lnTo>
                  <a:pt x="3869176" y="3617879"/>
                </a:lnTo>
                <a:close/>
                <a:moveTo>
                  <a:pt x="3745453" y="3617693"/>
                </a:moveTo>
                <a:lnTo>
                  <a:pt x="3745453" y="3618545"/>
                </a:lnTo>
                <a:lnTo>
                  <a:pt x="3746305" y="3618545"/>
                </a:lnTo>
                <a:lnTo>
                  <a:pt x="3746305" y="3617693"/>
                </a:lnTo>
                <a:close/>
                <a:moveTo>
                  <a:pt x="3622395" y="3617693"/>
                </a:moveTo>
                <a:lnTo>
                  <a:pt x="3622395" y="3618545"/>
                </a:lnTo>
                <a:lnTo>
                  <a:pt x="3623247" y="3618545"/>
                </a:lnTo>
                <a:lnTo>
                  <a:pt x="3623247" y="3617693"/>
                </a:lnTo>
                <a:close/>
                <a:moveTo>
                  <a:pt x="3499116" y="3617434"/>
                </a:moveTo>
                <a:lnTo>
                  <a:pt x="3499116" y="3618730"/>
                </a:lnTo>
                <a:lnTo>
                  <a:pt x="3500412" y="3618730"/>
                </a:lnTo>
                <a:lnTo>
                  <a:pt x="3500412" y="3617434"/>
                </a:lnTo>
                <a:close/>
                <a:moveTo>
                  <a:pt x="3375836" y="3617212"/>
                </a:moveTo>
                <a:lnTo>
                  <a:pt x="3375836" y="3618952"/>
                </a:lnTo>
                <a:lnTo>
                  <a:pt x="3377576" y="3618952"/>
                </a:lnTo>
                <a:lnTo>
                  <a:pt x="3377576" y="3617212"/>
                </a:lnTo>
                <a:close/>
                <a:moveTo>
                  <a:pt x="3252557" y="3616989"/>
                </a:moveTo>
                <a:lnTo>
                  <a:pt x="3252557" y="3619174"/>
                </a:lnTo>
                <a:lnTo>
                  <a:pt x="3254742" y="3619174"/>
                </a:lnTo>
                <a:lnTo>
                  <a:pt x="3254742" y="3616989"/>
                </a:lnTo>
                <a:close/>
                <a:moveTo>
                  <a:pt x="3129055" y="3616582"/>
                </a:moveTo>
                <a:lnTo>
                  <a:pt x="3129055" y="3619619"/>
                </a:lnTo>
                <a:lnTo>
                  <a:pt x="3132092" y="3619619"/>
                </a:lnTo>
                <a:lnTo>
                  <a:pt x="3132092" y="3616582"/>
                </a:lnTo>
                <a:close/>
                <a:moveTo>
                  <a:pt x="3005553" y="3616138"/>
                </a:moveTo>
                <a:lnTo>
                  <a:pt x="3005553" y="3620063"/>
                </a:lnTo>
                <a:lnTo>
                  <a:pt x="3009478" y="3620063"/>
                </a:lnTo>
                <a:lnTo>
                  <a:pt x="3009478" y="3616138"/>
                </a:lnTo>
                <a:close/>
                <a:moveTo>
                  <a:pt x="2882052" y="3615693"/>
                </a:moveTo>
                <a:lnTo>
                  <a:pt x="2882052" y="3620470"/>
                </a:lnTo>
                <a:lnTo>
                  <a:pt x="2886829" y="3620470"/>
                </a:lnTo>
                <a:lnTo>
                  <a:pt x="2886829" y="3615693"/>
                </a:lnTo>
                <a:close/>
                <a:moveTo>
                  <a:pt x="2758365" y="3615064"/>
                </a:moveTo>
                <a:lnTo>
                  <a:pt x="2758365" y="3621137"/>
                </a:lnTo>
                <a:lnTo>
                  <a:pt x="2764438" y="3621137"/>
                </a:lnTo>
                <a:lnTo>
                  <a:pt x="2764438" y="3615064"/>
                </a:lnTo>
                <a:close/>
                <a:moveTo>
                  <a:pt x="2634641" y="3614435"/>
                </a:moveTo>
                <a:lnTo>
                  <a:pt x="2634641" y="3621804"/>
                </a:lnTo>
                <a:lnTo>
                  <a:pt x="2642010" y="3621804"/>
                </a:lnTo>
                <a:lnTo>
                  <a:pt x="2642010" y="3614435"/>
                </a:lnTo>
                <a:close/>
                <a:moveTo>
                  <a:pt x="2510917" y="3613731"/>
                </a:moveTo>
                <a:lnTo>
                  <a:pt x="2510917" y="3622433"/>
                </a:lnTo>
                <a:lnTo>
                  <a:pt x="2519619" y="3622433"/>
                </a:lnTo>
                <a:lnTo>
                  <a:pt x="2519619" y="3613731"/>
                </a:lnTo>
                <a:close/>
                <a:moveTo>
                  <a:pt x="2387230" y="3613101"/>
                </a:moveTo>
                <a:lnTo>
                  <a:pt x="2387230" y="3623100"/>
                </a:lnTo>
                <a:lnTo>
                  <a:pt x="2397229" y="3623100"/>
                </a:lnTo>
                <a:lnTo>
                  <a:pt x="2397229" y="3613101"/>
                </a:lnTo>
                <a:close/>
                <a:moveTo>
                  <a:pt x="2263284" y="3612212"/>
                </a:moveTo>
                <a:lnTo>
                  <a:pt x="2263284" y="3623951"/>
                </a:lnTo>
                <a:lnTo>
                  <a:pt x="2275023" y="3623951"/>
                </a:lnTo>
                <a:lnTo>
                  <a:pt x="2275023" y="3612212"/>
                </a:lnTo>
                <a:close/>
                <a:moveTo>
                  <a:pt x="2139375" y="3611360"/>
                </a:moveTo>
                <a:lnTo>
                  <a:pt x="2139375" y="3624840"/>
                </a:lnTo>
                <a:lnTo>
                  <a:pt x="2152855" y="3624840"/>
                </a:lnTo>
                <a:lnTo>
                  <a:pt x="2152855" y="3611360"/>
                </a:lnTo>
                <a:close/>
                <a:moveTo>
                  <a:pt x="2015429" y="3610509"/>
                </a:moveTo>
                <a:lnTo>
                  <a:pt x="2015429" y="3625692"/>
                </a:lnTo>
                <a:lnTo>
                  <a:pt x="2030612" y="3625692"/>
                </a:lnTo>
                <a:lnTo>
                  <a:pt x="2030612" y="3610509"/>
                </a:lnTo>
                <a:close/>
                <a:moveTo>
                  <a:pt x="1891298" y="3609398"/>
                </a:moveTo>
                <a:lnTo>
                  <a:pt x="1891298" y="3626766"/>
                </a:lnTo>
                <a:lnTo>
                  <a:pt x="1908666" y="3626766"/>
                </a:lnTo>
                <a:lnTo>
                  <a:pt x="1908666" y="3609398"/>
                </a:lnTo>
                <a:close/>
                <a:moveTo>
                  <a:pt x="1767129" y="3608324"/>
                </a:moveTo>
                <a:lnTo>
                  <a:pt x="1767129" y="3627877"/>
                </a:lnTo>
                <a:lnTo>
                  <a:pt x="1786682" y="3627877"/>
                </a:lnTo>
                <a:lnTo>
                  <a:pt x="1786682" y="3608324"/>
                </a:lnTo>
                <a:close/>
                <a:moveTo>
                  <a:pt x="1643220" y="3607436"/>
                </a:moveTo>
                <a:lnTo>
                  <a:pt x="1643220" y="3628729"/>
                </a:lnTo>
                <a:lnTo>
                  <a:pt x="1664513" y="3628729"/>
                </a:lnTo>
                <a:lnTo>
                  <a:pt x="1664513" y="3607436"/>
                </a:lnTo>
                <a:close/>
                <a:moveTo>
                  <a:pt x="1519052" y="3606361"/>
                </a:moveTo>
                <a:lnTo>
                  <a:pt x="1519052" y="3629802"/>
                </a:lnTo>
                <a:lnTo>
                  <a:pt x="1542493" y="3629802"/>
                </a:lnTo>
                <a:lnTo>
                  <a:pt x="1542493" y="3606361"/>
                </a:lnTo>
                <a:close/>
                <a:moveTo>
                  <a:pt x="1395143" y="3605509"/>
                </a:moveTo>
                <a:lnTo>
                  <a:pt x="1395143" y="3630691"/>
                </a:lnTo>
                <a:lnTo>
                  <a:pt x="1420325" y="3630691"/>
                </a:lnTo>
                <a:lnTo>
                  <a:pt x="1420325" y="3605509"/>
                </a:lnTo>
                <a:close/>
                <a:moveTo>
                  <a:pt x="1271012" y="3604398"/>
                </a:moveTo>
                <a:lnTo>
                  <a:pt x="1271012" y="3631765"/>
                </a:lnTo>
                <a:lnTo>
                  <a:pt x="1298379" y="3631765"/>
                </a:lnTo>
                <a:lnTo>
                  <a:pt x="1298379" y="3604398"/>
                </a:lnTo>
                <a:close/>
                <a:moveTo>
                  <a:pt x="1147066" y="3603547"/>
                </a:moveTo>
                <a:lnTo>
                  <a:pt x="1147066" y="3632654"/>
                </a:lnTo>
                <a:lnTo>
                  <a:pt x="1176173" y="3632654"/>
                </a:lnTo>
                <a:lnTo>
                  <a:pt x="1176173" y="3603547"/>
                </a:lnTo>
                <a:close/>
                <a:moveTo>
                  <a:pt x="1023119" y="3602658"/>
                </a:moveTo>
                <a:lnTo>
                  <a:pt x="1023119" y="3633506"/>
                </a:lnTo>
                <a:lnTo>
                  <a:pt x="1053967" y="3633506"/>
                </a:lnTo>
                <a:lnTo>
                  <a:pt x="1053967" y="3602658"/>
                </a:lnTo>
                <a:close/>
                <a:moveTo>
                  <a:pt x="899210" y="3601806"/>
                </a:moveTo>
                <a:lnTo>
                  <a:pt x="899210" y="3634394"/>
                </a:lnTo>
                <a:lnTo>
                  <a:pt x="931798" y="3634394"/>
                </a:lnTo>
                <a:lnTo>
                  <a:pt x="931798" y="3601806"/>
                </a:lnTo>
                <a:close/>
                <a:moveTo>
                  <a:pt x="775487" y="3601140"/>
                </a:moveTo>
                <a:lnTo>
                  <a:pt x="775487" y="3635024"/>
                </a:lnTo>
                <a:lnTo>
                  <a:pt x="809371" y="3635024"/>
                </a:lnTo>
                <a:lnTo>
                  <a:pt x="809371" y="3601140"/>
                </a:lnTo>
                <a:close/>
                <a:moveTo>
                  <a:pt x="651800" y="3600511"/>
                </a:moveTo>
                <a:lnTo>
                  <a:pt x="651800" y="3635691"/>
                </a:lnTo>
                <a:lnTo>
                  <a:pt x="686980" y="3635691"/>
                </a:lnTo>
                <a:lnTo>
                  <a:pt x="686980" y="3600511"/>
                </a:lnTo>
                <a:close/>
                <a:moveTo>
                  <a:pt x="528298" y="3600103"/>
                </a:moveTo>
                <a:lnTo>
                  <a:pt x="528298" y="3636135"/>
                </a:lnTo>
                <a:lnTo>
                  <a:pt x="564330" y="3636135"/>
                </a:lnTo>
                <a:lnTo>
                  <a:pt x="564330" y="3600103"/>
                </a:lnTo>
                <a:close/>
                <a:moveTo>
                  <a:pt x="404796" y="3599621"/>
                </a:moveTo>
                <a:lnTo>
                  <a:pt x="404796" y="3636542"/>
                </a:lnTo>
                <a:lnTo>
                  <a:pt x="441717" y="3636542"/>
                </a:lnTo>
                <a:lnTo>
                  <a:pt x="441717" y="3599621"/>
                </a:lnTo>
                <a:close/>
                <a:moveTo>
                  <a:pt x="35402" y="3599399"/>
                </a:moveTo>
                <a:lnTo>
                  <a:pt x="35402" y="3636764"/>
                </a:lnTo>
                <a:lnTo>
                  <a:pt x="72767" y="3636764"/>
                </a:lnTo>
                <a:lnTo>
                  <a:pt x="72767" y="3599399"/>
                </a:lnTo>
                <a:close/>
                <a:moveTo>
                  <a:pt x="281295" y="3599214"/>
                </a:moveTo>
                <a:lnTo>
                  <a:pt x="281295" y="3636987"/>
                </a:lnTo>
                <a:lnTo>
                  <a:pt x="319068" y="3636987"/>
                </a:lnTo>
                <a:lnTo>
                  <a:pt x="319068" y="3599214"/>
                </a:lnTo>
                <a:close/>
                <a:moveTo>
                  <a:pt x="158015" y="3598992"/>
                </a:moveTo>
                <a:lnTo>
                  <a:pt x="158015" y="3637209"/>
                </a:lnTo>
                <a:lnTo>
                  <a:pt x="196232" y="3637209"/>
                </a:lnTo>
                <a:lnTo>
                  <a:pt x="196232" y="3598992"/>
                </a:lnTo>
                <a:close/>
                <a:moveTo>
                  <a:pt x="4484019" y="3494821"/>
                </a:moveTo>
                <a:lnTo>
                  <a:pt x="4484019" y="3495265"/>
                </a:lnTo>
                <a:lnTo>
                  <a:pt x="4484463" y="3495265"/>
                </a:lnTo>
                <a:lnTo>
                  <a:pt x="4484463" y="3494821"/>
                </a:lnTo>
                <a:close/>
                <a:moveTo>
                  <a:pt x="4360961" y="3494821"/>
                </a:moveTo>
                <a:lnTo>
                  <a:pt x="4360961" y="3495265"/>
                </a:lnTo>
                <a:lnTo>
                  <a:pt x="4361405" y="3495265"/>
                </a:lnTo>
                <a:lnTo>
                  <a:pt x="4361405" y="3494821"/>
                </a:lnTo>
                <a:close/>
                <a:moveTo>
                  <a:pt x="4237904" y="3494821"/>
                </a:moveTo>
                <a:lnTo>
                  <a:pt x="4237904" y="3495265"/>
                </a:lnTo>
                <a:lnTo>
                  <a:pt x="4238348" y="3495265"/>
                </a:lnTo>
                <a:lnTo>
                  <a:pt x="4238348" y="3494821"/>
                </a:lnTo>
                <a:close/>
                <a:moveTo>
                  <a:pt x="4114847" y="3494821"/>
                </a:moveTo>
                <a:lnTo>
                  <a:pt x="4114847" y="3495265"/>
                </a:lnTo>
                <a:lnTo>
                  <a:pt x="4115291" y="3495265"/>
                </a:lnTo>
                <a:lnTo>
                  <a:pt x="4115291" y="3494821"/>
                </a:lnTo>
                <a:close/>
                <a:moveTo>
                  <a:pt x="3991789" y="3494821"/>
                </a:moveTo>
                <a:lnTo>
                  <a:pt x="3991789" y="3495265"/>
                </a:lnTo>
                <a:lnTo>
                  <a:pt x="3992234" y="3495265"/>
                </a:lnTo>
                <a:lnTo>
                  <a:pt x="3992234" y="3494821"/>
                </a:lnTo>
                <a:close/>
                <a:moveTo>
                  <a:pt x="3868732" y="3494821"/>
                </a:moveTo>
                <a:lnTo>
                  <a:pt x="3868732" y="3495265"/>
                </a:lnTo>
                <a:lnTo>
                  <a:pt x="3869176" y="3495265"/>
                </a:lnTo>
                <a:lnTo>
                  <a:pt x="3869176" y="3494821"/>
                </a:lnTo>
                <a:close/>
                <a:moveTo>
                  <a:pt x="3745453" y="3494598"/>
                </a:moveTo>
                <a:lnTo>
                  <a:pt x="3745453" y="3495450"/>
                </a:lnTo>
                <a:lnTo>
                  <a:pt x="3746305" y="3495450"/>
                </a:lnTo>
                <a:lnTo>
                  <a:pt x="3746305" y="3494598"/>
                </a:lnTo>
                <a:close/>
                <a:moveTo>
                  <a:pt x="3622395" y="3494598"/>
                </a:moveTo>
                <a:lnTo>
                  <a:pt x="3622395" y="3495450"/>
                </a:lnTo>
                <a:lnTo>
                  <a:pt x="3623247" y="3495450"/>
                </a:lnTo>
                <a:lnTo>
                  <a:pt x="3623247" y="3494598"/>
                </a:lnTo>
                <a:close/>
                <a:moveTo>
                  <a:pt x="3499116" y="3494377"/>
                </a:moveTo>
                <a:lnTo>
                  <a:pt x="3499116" y="3495673"/>
                </a:lnTo>
                <a:lnTo>
                  <a:pt x="3500412" y="3495673"/>
                </a:lnTo>
                <a:lnTo>
                  <a:pt x="3500412" y="3494377"/>
                </a:lnTo>
                <a:close/>
                <a:moveTo>
                  <a:pt x="3375836" y="3494155"/>
                </a:moveTo>
                <a:lnTo>
                  <a:pt x="3375836" y="3495895"/>
                </a:lnTo>
                <a:lnTo>
                  <a:pt x="3377576" y="3495895"/>
                </a:lnTo>
                <a:lnTo>
                  <a:pt x="3377576" y="3494155"/>
                </a:lnTo>
                <a:close/>
                <a:moveTo>
                  <a:pt x="3252335" y="3493747"/>
                </a:moveTo>
                <a:lnTo>
                  <a:pt x="3252335" y="3496339"/>
                </a:lnTo>
                <a:lnTo>
                  <a:pt x="3254927" y="3496339"/>
                </a:lnTo>
                <a:lnTo>
                  <a:pt x="3254927" y="3493747"/>
                </a:lnTo>
                <a:close/>
                <a:moveTo>
                  <a:pt x="3129055" y="3493524"/>
                </a:moveTo>
                <a:lnTo>
                  <a:pt x="3129055" y="3496561"/>
                </a:lnTo>
                <a:lnTo>
                  <a:pt x="3132092" y="3496561"/>
                </a:lnTo>
                <a:lnTo>
                  <a:pt x="3132092" y="3493524"/>
                </a:lnTo>
                <a:close/>
                <a:moveTo>
                  <a:pt x="3005553" y="3493081"/>
                </a:moveTo>
                <a:lnTo>
                  <a:pt x="3005553" y="3497006"/>
                </a:lnTo>
                <a:lnTo>
                  <a:pt x="3009478" y="3497006"/>
                </a:lnTo>
                <a:lnTo>
                  <a:pt x="3009478" y="3493081"/>
                </a:lnTo>
                <a:close/>
                <a:moveTo>
                  <a:pt x="2881866" y="3492414"/>
                </a:moveTo>
                <a:lnTo>
                  <a:pt x="2881866" y="3497635"/>
                </a:lnTo>
                <a:lnTo>
                  <a:pt x="2887087" y="3497635"/>
                </a:lnTo>
                <a:lnTo>
                  <a:pt x="2887087" y="3492414"/>
                </a:lnTo>
                <a:close/>
                <a:moveTo>
                  <a:pt x="2758365" y="3492007"/>
                </a:moveTo>
                <a:lnTo>
                  <a:pt x="2758365" y="3498080"/>
                </a:lnTo>
                <a:lnTo>
                  <a:pt x="2764438" y="3498080"/>
                </a:lnTo>
                <a:lnTo>
                  <a:pt x="2764438" y="3492007"/>
                </a:lnTo>
                <a:close/>
                <a:moveTo>
                  <a:pt x="2634419" y="3491117"/>
                </a:moveTo>
                <a:lnTo>
                  <a:pt x="2634419" y="3498931"/>
                </a:lnTo>
                <a:lnTo>
                  <a:pt x="2642233" y="3498931"/>
                </a:lnTo>
                <a:lnTo>
                  <a:pt x="2642233" y="3491117"/>
                </a:lnTo>
                <a:close/>
                <a:moveTo>
                  <a:pt x="2510732" y="3490488"/>
                </a:moveTo>
                <a:lnTo>
                  <a:pt x="2510732" y="3499598"/>
                </a:lnTo>
                <a:lnTo>
                  <a:pt x="2519842" y="3499598"/>
                </a:lnTo>
                <a:lnTo>
                  <a:pt x="2519842" y="3490488"/>
                </a:lnTo>
                <a:close/>
                <a:moveTo>
                  <a:pt x="2386786" y="3489600"/>
                </a:moveTo>
                <a:lnTo>
                  <a:pt x="2386786" y="3500450"/>
                </a:lnTo>
                <a:lnTo>
                  <a:pt x="2397636" y="3500450"/>
                </a:lnTo>
                <a:lnTo>
                  <a:pt x="2397636" y="3489600"/>
                </a:lnTo>
                <a:close/>
                <a:moveTo>
                  <a:pt x="2262654" y="3488526"/>
                </a:moveTo>
                <a:lnTo>
                  <a:pt x="2262654" y="3501561"/>
                </a:lnTo>
                <a:lnTo>
                  <a:pt x="2275689" y="3501561"/>
                </a:lnTo>
                <a:lnTo>
                  <a:pt x="2275689" y="3488526"/>
                </a:lnTo>
                <a:close/>
                <a:moveTo>
                  <a:pt x="2138708" y="3487636"/>
                </a:moveTo>
                <a:lnTo>
                  <a:pt x="2138708" y="3502412"/>
                </a:lnTo>
                <a:lnTo>
                  <a:pt x="2153484" y="3502412"/>
                </a:lnTo>
                <a:lnTo>
                  <a:pt x="2153484" y="3487636"/>
                </a:lnTo>
                <a:close/>
                <a:moveTo>
                  <a:pt x="2014577" y="3486562"/>
                </a:moveTo>
                <a:lnTo>
                  <a:pt x="2014577" y="3503486"/>
                </a:lnTo>
                <a:lnTo>
                  <a:pt x="2031501" y="3503486"/>
                </a:lnTo>
                <a:lnTo>
                  <a:pt x="2031501" y="3486562"/>
                </a:lnTo>
                <a:close/>
                <a:moveTo>
                  <a:pt x="1890409" y="3485489"/>
                </a:moveTo>
                <a:lnTo>
                  <a:pt x="1890409" y="3504597"/>
                </a:lnTo>
                <a:lnTo>
                  <a:pt x="1909518" y="3504597"/>
                </a:lnTo>
                <a:lnTo>
                  <a:pt x="1909518" y="3485489"/>
                </a:lnTo>
                <a:close/>
                <a:moveTo>
                  <a:pt x="1766055" y="3484192"/>
                </a:moveTo>
                <a:lnTo>
                  <a:pt x="1766055" y="3505893"/>
                </a:lnTo>
                <a:lnTo>
                  <a:pt x="1787756" y="3505893"/>
                </a:lnTo>
                <a:lnTo>
                  <a:pt x="1787756" y="3484192"/>
                </a:lnTo>
                <a:close/>
                <a:moveTo>
                  <a:pt x="1641924" y="3483081"/>
                </a:moveTo>
                <a:lnTo>
                  <a:pt x="1641924" y="3506967"/>
                </a:lnTo>
                <a:lnTo>
                  <a:pt x="1665810" y="3506967"/>
                </a:lnTo>
                <a:lnTo>
                  <a:pt x="1665810" y="3483081"/>
                </a:lnTo>
                <a:close/>
                <a:moveTo>
                  <a:pt x="1517756" y="3482008"/>
                </a:moveTo>
                <a:lnTo>
                  <a:pt x="1517756" y="3508078"/>
                </a:lnTo>
                <a:lnTo>
                  <a:pt x="1543827" y="3508078"/>
                </a:lnTo>
                <a:lnTo>
                  <a:pt x="1543827" y="3482008"/>
                </a:lnTo>
                <a:close/>
                <a:moveTo>
                  <a:pt x="1393402" y="3480711"/>
                </a:moveTo>
                <a:lnTo>
                  <a:pt x="1393402" y="3509374"/>
                </a:lnTo>
                <a:lnTo>
                  <a:pt x="1422065" y="3509374"/>
                </a:lnTo>
                <a:lnTo>
                  <a:pt x="1422065" y="3480711"/>
                </a:lnTo>
                <a:close/>
                <a:moveTo>
                  <a:pt x="1269456" y="3479823"/>
                </a:moveTo>
                <a:lnTo>
                  <a:pt x="1269456" y="3510226"/>
                </a:lnTo>
                <a:lnTo>
                  <a:pt x="1299859" y="3510226"/>
                </a:lnTo>
                <a:lnTo>
                  <a:pt x="1299859" y="3479823"/>
                </a:lnTo>
                <a:close/>
                <a:moveTo>
                  <a:pt x="1145325" y="3478749"/>
                </a:moveTo>
                <a:lnTo>
                  <a:pt x="1145325" y="3511337"/>
                </a:lnTo>
                <a:lnTo>
                  <a:pt x="1177913" y="3511337"/>
                </a:lnTo>
                <a:lnTo>
                  <a:pt x="1177913" y="3478749"/>
                </a:lnTo>
                <a:close/>
                <a:moveTo>
                  <a:pt x="1021416" y="3477860"/>
                </a:moveTo>
                <a:lnTo>
                  <a:pt x="1021416" y="3512189"/>
                </a:lnTo>
                <a:lnTo>
                  <a:pt x="1055745" y="3512189"/>
                </a:lnTo>
                <a:lnTo>
                  <a:pt x="1055745" y="3477860"/>
                </a:lnTo>
                <a:close/>
                <a:moveTo>
                  <a:pt x="897248" y="3476787"/>
                </a:moveTo>
                <a:lnTo>
                  <a:pt x="897248" y="3513263"/>
                </a:lnTo>
                <a:lnTo>
                  <a:pt x="933725" y="3513263"/>
                </a:lnTo>
                <a:lnTo>
                  <a:pt x="933725" y="3476787"/>
                </a:lnTo>
                <a:close/>
                <a:moveTo>
                  <a:pt x="773339" y="3475935"/>
                </a:moveTo>
                <a:lnTo>
                  <a:pt x="773339" y="3514152"/>
                </a:lnTo>
                <a:lnTo>
                  <a:pt x="811556" y="3514152"/>
                </a:lnTo>
                <a:lnTo>
                  <a:pt x="811556" y="3475935"/>
                </a:lnTo>
                <a:close/>
                <a:moveTo>
                  <a:pt x="649615" y="3475268"/>
                </a:moveTo>
                <a:lnTo>
                  <a:pt x="649615" y="3514781"/>
                </a:lnTo>
                <a:lnTo>
                  <a:pt x="689128" y="3514781"/>
                </a:lnTo>
                <a:lnTo>
                  <a:pt x="689128" y="3475268"/>
                </a:lnTo>
                <a:close/>
                <a:moveTo>
                  <a:pt x="525891" y="3474639"/>
                </a:moveTo>
                <a:lnTo>
                  <a:pt x="525891" y="3515448"/>
                </a:lnTo>
                <a:lnTo>
                  <a:pt x="566700" y="3515448"/>
                </a:lnTo>
                <a:lnTo>
                  <a:pt x="566700" y="3474639"/>
                </a:lnTo>
                <a:close/>
                <a:moveTo>
                  <a:pt x="402389" y="3474194"/>
                </a:moveTo>
                <a:lnTo>
                  <a:pt x="402389" y="3515892"/>
                </a:lnTo>
                <a:lnTo>
                  <a:pt x="444087" y="3515892"/>
                </a:lnTo>
                <a:lnTo>
                  <a:pt x="444087" y="3474194"/>
                </a:lnTo>
                <a:close/>
                <a:moveTo>
                  <a:pt x="32995" y="3473971"/>
                </a:moveTo>
                <a:lnTo>
                  <a:pt x="32995" y="3516114"/>
                </a:lnTo>
                <a:lnTo>
                  <a:pt x="75137" y="3516114"/>
                </a:lnTo>
                <a:lnTo>
                  <a:pt x="75137" y="3473971"/>
                </a:lnTo>
                <a:close/>
                <a:moveTo>
                  <a:pt x="278924" y="3473749"/>
                </a:moveTo>
                <a:lnTo>
                  <a:pt x="278924" y="3516299"/>
                </a:lnTo>
                <a:lnTo>
                  <a:pt x="321474" y="3516299"/>
                </a:lnTo>
                <a:lnTo>
                  <a:pt x="321474" y="3473749"/>
                </a:lnTo>
                <a:close/>
                <a:moveTo>
                  <a:pt x="155645" y="3473528"/>
                </a:moveTo>
                <a:lnTo>
                  <a:pt x="155645" y="3516522"/>
                </a:lnTo>
                <a:lnTo>
                  <a:pt x="198639" y="3516522"/>
                </a:lnTo>
                <a:lnTo>
                  <a:pt x="198639" y="3473528"/>
                </a:lnTo>
                <a:close/>
                <a:moveTo>
                  <a:pt x="4484019" y="3371764"/>
                </a:moveTo>
                <a:lnTo>
                  <a:pt x="4484019" y="3372208"/>
                </a:lnTo>
                <a:lnTo>
                  <a:pt x="4484463" y="3372208"/>
                </a:lnTo>
                <a:lnTo>
                  <a:pt x="4484463" y="3371764"/>
                </a:lnTo>
                <a:close/>
                <a:moveTo>
                  <a:pt x="4360961" y="3371764"/>
                </a:moveTo>
                <a:lnTo>
                  <a:pt x="4360961" y="3372208"/>
                </a:lnTo>
                <a:lnTo>
                  <a:pt x="4361405" y="3372208"/>
                </a:lnTo>
                <a:lnTo>
                  <a:pt x="4361405" y="3371764"/>
                </a:lnTo>
                <a:close/>
                <a:moveTo>
                  <a:pt x="4237904" y="3371764"/>
                </a:moveTo>
                <a:lnTo>
                  <a:pt x="4237904" y="3372208"/>
                </a:lnTo>
                <a:lnTo>
                  <a:pt x="4238348" y="3372208"/>
                </a:lnTo>
                <a:lnTo>
                  <a:pt x="4238348" y="3371764"/>
                </a:lnTo>
                <a:close/>
                <a:moveTo>
                  <a:pt x="4114847" y="3371764"/>
                </a:moveTo>
                <a:lnTo>
                  <a:pt x="4114847" y="3372208"/>
                </a:lnTo>
                <a:lnTo>
                  <a:pt x="4115291" y="3372208"/>
                </a:lnTo>
                <a:lnTo>
                  <a:pt x="4115291" y="3371764"/>
                </a:lnTo>
                <a:close/>
                <a:moveTo>
                  <a:pt x="3991789" y="3371764"/>
                </a:moveTo>
                <a:lnTo>
                  <a:pt x="3991789" y="3372208"/>
                </a:lnTo>
                <a:lnTo>
                  <a:pt x="3992234" y="3372208"/>
                </a:lnTo>
                <a:lnTo>
                  <a:pt x="3992234" y="3371764"/>
                </a:lnTo>
                <a:close/>
                <a:moveTo>
                  <a:pt x="3868732" y="3371764"/>
                </a:moveTo>
                <a:lnTo>
                  <a:pt x="3868732" y="3372208"/>
                </a:lnTo>
                <a:lnTo>
                  <a:pt x="3869176" y="3372208"/>
                </a:lnTo>
                <a:lnTo>
                  <a:pt x="3869176" y="3371764"/>
                </a:lnTo>
                <a:close/>
                <a:moveTo>
                  <a:pt x="3745453" y="3371541"/>
                </a:moveTo>
                <a:lnTo>
                  <a:pt x="3745453" y="3372393"/>
                </a:lnTo>
                <a:lnTo>
                  <a:pt x="3746305" y="3372393"/>
                </a:lnTo>
                <a:lnTo>
                  <a:pt x="3746305" y="3371541"/>
                </a:lnTo>
                <a:close/>
                <a:moveTo>
                  <a:pt x="3622395" y="3371541"/>
                </a:moveTo>
                <a:lnTo>
                  <a:pt x="3622395" y="3372393"/>
                </a:lnTo>
                <a:lnTo>
                  <a:pt x="3623247" y="3372393"/>
                </a:lnTo>
                <a:lnTo>
                  <a:pt x="3623247" y="3371541"/>
                </a:lnTo>
                <a:close/>
                <a:moveTo>
                  <a:pt x="3499116" y="3371319"/>
                </a:moveTo>
                <a:lnTo>
                  <a:pt x="3499116" y="3372615"/>
                </a:lnTo>
                <a:lnTo>
                  <a:pt x="3500412" y="3372615"/>
                </a:lnTo>
                <a:lnTo>
                  <a:pt x="3500412" y="3371319"/>
                </a:lnTo>
                <a:close/>
                <a:moveTo>
                  <a:pt x="3375836" y="3371097"/>
                </a:moveTo>
                <a:lnTo>
                  <a:pt x="3375836" y="3372837"/>
                </a:lnTo>
                <a:lnTo>
                  <a:pt x="3377576" y="3372837"/>
                </a:lnTo>
                <a:lnTo>
                  <a:pt x="3377576" y="3371097"/>
                </a:lnTo>
                <a:close/>
                <a:moveTo>
                  <a:pt x="3252335" y="3370690"/>
                </a:moveTo>
                <a:lnTo>
                  <a:pt x="3252335" y="3373282"/>
                </a:lnTo>
                <a:lnTo>
                  <a:pt x="3254927" y="3373282"/>
                </a:lnTo>
                <a:lnTo>
                  <a:pt x="3254927" y="3370690"/>
                </a:lnTo>
                <a:close/>
                <a:moveTo>
                  <a:pt x="3129055" y="3370467"/>
                </a:moveTo>
                <a:lnTo>
                  <a:pt x="3129055" y="3373504"/>
                </a:lnTo>
                <a:lnTo>
                  <a:pt x="3132092" y="3373504"/>
                </a:lnTo>
                <a:lnTo>
                  <a:pt x="3132092" y="3370467"/>
                </a:lnTo>
                <a:close/>
                <a:moveTo>
                  <a:pt x="3005331" y="3369801"/>
                </a:moveTo>
                <a:lnTo>
                  <a:pt x="3005331" y="3374134"/>
                </a:lnTo>
                <a:lnTo>
                  <a:pt x="3009664" y="3374134"/>
                </a:lnTo>
                <a:lnTo>
                  <a:pt x="3009664" y="3369801"/>
                </a:lnTo>
                <a:close/>
                <a:moveTo>
                  <a:pt x="2881866" y="3369357"/>
                </a:moveTo>
                <a:lnTo>
                  <a:pt x="2881866" y="3374578"/>
                </a:lnTo>
                <a:lnTo>
                  <a:pt x="2887087" y="3374578"/>
                </a:lnTo>
                <a:lnTo>
                  <a:pt x="2887087" y="3369357"/>
                </a:lnTo>
                <a:close/>
                <a:moveTo>
                  <a:pt x="2758143" y="3368726"/>
                </a:moveTo>
                <a:lnTo>
                  <a:pt x="2758143" y="3375244"/>
                </a:lnTo>
                <a:lnTo>
                  <a:pt x="2764661" y="3375244"/>
                </a:lnTo>
                <a:lnTo>
                  <a:pt x="2764661" y="3368726"/>
                </a:lnTo>
                <a:close/>
                <a:moveTo>
                  <a:pt x="2634196" y="3367838"/>
                </a:moveTo>
                <a:lnTo>
                  <a:pt x="2634196" y="3376096"/>
                </a:lnTo>
                <a:lnTo>
                  <a:pt x="2642454" y="3376096"/>
                </a:lnTo>
                <a:lnTo>
                  <a:pt x="2642454" y="3367838"/>
                </a:lnTo>
                <a:close/>
                <a:moveTo>
                  <a:pt x="2510287" y="3366986"/>
                </a:moveTo>
                <a:lnTo>
                  <a:pt x="2510287" y="3376985"/>
                </a:lnTo>
                <a:lnTo>
                  <a:pt x="2520286" y="3376985"/>
                </a:lnTo>
                <a:lnTo>
                  <a:pt x="2520286" y="3366986"/>
                </a:lnTo>
                <a:close/>
                <a:moveTo>
                  <a:pt x="2386341" y="3366098"/>
                </a:moveTo>
                <a:lnTo>
                  <a:pt x="2386341" y="3377837"/>
                </a:lnTo>
                <a:lnTo>
                  <a:pt x="2398080" y="3377837"/>
                </a:lnTo>
                <a:lnTo>
                  <a:pt x="2398080" y="3366098"/>
                </a:lnTo>
                <a:close/>
                <a:moveTo>
                  <a:pt x="2262210" y="3365024"/>
                </a:moveTo>
                <a:lnTo>
                  <a:pt x="2262210" y="3378911"/>
                </a:lnTo>
                <a:lnTo>
                  <a:pt x="2276097" y="3378911"/>
                </a:lnTo>
                <a:lnTo>
                  <a:pt x="2276097" y="3365024"/>
                </a:lnTo>
                <a:close/>
                <a:moveTo>
                  <a:pt x="2138079" y="3363950"/>
                </a:moveTo>
                <a:lnTo>
                  <a:pt x="2138079" y="3380022"/>
                </a:lnTo>
                <a:lnTo>
                  <a:pt x="2154151" y="3380022"/>
                </a:lnTo>
                <a:lnTo>
                  <a:pt x="2154151" y="3363950"/>
                </a:lnTo>
                <a:close/>
                <a:moveTo>
                  <a:pt x="2013911" y="3362839"/>
                </a:moveTo>
                <a:lnTo>
                  <a:pt x="2013911" y="3381096"/>
                </a:lnTo>
                <a:lnTo>
                  <a:pt x="2032168" y="3381096"/>
                </a:lnTo>
                <a:lnTo>
                  <a:pt x="2032168" y="3362839"/>
                </a:lnTo>
                <a:close/>
                <a:moveTo>
                  <a:pt x="1889557" y="3361543"/>
                </a:moveTo>
                <a:lnTo>
                  <a:pt x="1889557" y="3382392"/>
                </a:lnTo>
                <a:lnTo>
                  <a:pt x="1910406" y="3382392"/>
                </a:lnTo>
                <a:lnTo>
                  <a:pt x="1910406" y="3361543"/>
                </a:lnTo>
                <a:close/>
                <a:moveTo>
                  <a:pt x="1764981" y="3360024"/>
                </a:moveTo>
                <a:lnTo>
                  <a:pt x="1764981" y="3383910"/>
                </a:lnTo>
                <a:lnTo>
                  <a:pt x="1788867" y="3383910"/>
                </a:lnTo>
                <a:lnTo>
                  <a:pt x="1788867" y="3360024"/>
                </a:lnTo>
                <a:close/>
                <a:moveTo>
                  <a:pt x="1640591" y="3358728"/>
                </a:moveTo>
                <a:lnTo>
                  <a:pt x="1640591" y="3385206"/>
                </a:lnTo>
                <a:lnTo>
                  <a:pt x="1667069" y="3385206"/>
                </a:lnTo>
                <a:lnTo>
                  <a:pt x="1667069" y="3358728"/>
                </a:lnTo>
                <a:close/>
                <a:moveTo>
                  <a:pt x="1516238" y="3357432"/>
                </a:moveTo>
                <a:lnTo>
                  <a:pt x="1516238" y="3386539"/>
                </a:lnTo>
                <a:lnTo>
                  <a:pt x="1545345" y="3386539"/>
                </a:lnTo>
                <a:lnTo>
                  <a:pt x="1545345" y="3357432"/>
                </a:lnTo>
                <a:close/>
                <a:moveTo>
                  <a:pt x="1392106" y="3356358"/>
                </a:moveTo>
                <a:lnTo>
                  <a:pt x="1392106" y="3387613"/>
                </a:lnTo>
                <a:lnTo>
                  <a:pt x="1423361" y="3387613"/>
                </a:lnTo>
                <a:lnTo>
                  <a:pt x="1423361" y="3356358"/>
                </a:lnTo>
                <a:close/>
                <a:moveTo>
                  <a:pt x="1267753" y="3355025"/>
                </a:moveTo>
                <a:lnTo>
                  <a:pt x="1267753" y="3388909"/>
                </a:lnTo>
                <a:lnTo>
                  <a:pt x="1301637" y="3388909"/>
                </a:lnTo>
                <a:lnTo>
                  <a:pt x="1301637" y="3355025"/>
                </a:lnTo>
                <a:close/>
                <a:moveTo>
                  <a:pt x="1143585" y="3353951"/>
                </a:moveTo>
                <a:lnTo>
                  <a:pt x="1143585" y="3389983"/>
                </a:lnTo>
                <a:lnTo>
                  <a:pt x="1179617" y="3389983"/>
                </a:lnTo>
                <a:lnTo>
                  <a:pt x="1179617" y="3353951"/>
                </a:lnTo>
                <a:close/>
                <a:moveTo>
                  <a:pt x="1019453" y="3352877"/>
                </a:moveTo>
                <a:lnTo>
                  <a:pt x="1019453" y="3391094"/>
                </a:lnTo>
                <a:lnTo>
                  <a:pt x="1057670" y="3391094"/>
                </a:lnTo>
                <a:lnTo>
                  <a:pt x="1057670" y="3352877"/>
                </a:lnTo>
                <a:close/>
                <a:moveTo>
                  <a:pt x="895285" y="3351766"/>
                </a:moveTo>
                <a:lnTo>
                  <a:pt x="895285" y="3392168"/>
                </a:lnTo>
                <a:lnTo>
                  <a:pt x="935687" y="3392168"/>
                </a:lnTo>
                <a:lnTo>
                  <a:pt x="935687" y="3351766"/>
                </a:lnTo>
                <a:close/>
                <a:moveTo>
                  <a:pt x="771376" y="3350915"/>
                </a:moveTo>
                <a:lnTo>
                  <a:pt x="771376" y="3393057"/>
                </a:lnTo>
                <a:lnTo>
                  <a:pt x="813518" y="3393057"/>
                </a:lnTo>
                <a:lnTo>
                  <a:pt x="813518" y="3350915"/>
                </a:lnTo>
                <a:close/>
                <a:moveTo>
                  <a:pt x="647430" y="3350026"/>
                </a:moveTo>
                <a:lnTo>
                  <a:pt x="647430" y="3393909"/>
                </a:lnTo>
                <a:lnTo>
                  <a:pt x="691313" y="3393909"/>
                </a:lnTo>
                <a:lnTo>
                  <a:pt x="691313" y="3350026"/>
                </a:lnTo>
                <a:close/>
                <a:moveTo>
                  <a:pt x="523743" y="3349396"/>
                </a:moveTo>
                <a:lnTo>
                  <a:pt x="523743" y="3394575"/>
                </a:lnTo>
                <a:lnTo>
                  <a:pt x="568922" y="3394575"/>
                </a:lnTo>
                <a:lnTo>
                  <a:pt x="568922" y="3349396"/>
                </a:lnTo>
                <a:close/>
                <a:moveTo>
                  <a:pt x="400019" y="3348730"/>
                </a:moveTo>
                <a:lnTo>
                  <a:pt x="400019" y="3395205"/>
                </a:lnTo>
                <a:lnTo>
                  <a:pt x="446494" y="3395205"/>
                </a:lnTo>
                <a:lnTo>
                  <a:pt x="446494" y="3348730"/>
                </a:lnTo>
                <a:close/>
                <a:moveTo>
                  <a:pt x="30625" y="3348508"/>
                </a:moveTo>
                <a:lnTo>
                  <a:pt x="30625" y="3395427"/>
                </a:lnTo>
                <a:lnTo>
                  <a:pt x="77545" y="3395427"/>
                </a:lnTo>
                <a:lnTo>
                  <a:pt x="77545" y="3348508"/>
                </a:lnTo>
                <a:close/>
                <a:moveTo>
                  <a:pt x="276517" y="3348322"/>
                </a:moveTo>
                <a:lnTo>
                  <a:pt x="276517" y="3395649"/>
                </a:lnTo>
                <a:lnTo>
                  <a:pt x="323844" y="3395649"/>
                </a:lnTo>
                <a:lnTo>
                  <a:pt x="323844" y="3348322"/>
                </a:lnTo>
                <a:close/>
                <a:moveTo>
                  <a:pt x="153238" y="3348100"/>
                </a:moveTo>
                <a:lnTo>
                  <a:pt x="153238" y="3395871"/>
                </a:lnTo>
                <a:lnTo>
                  <a:pt x="201009" y="3395871"/>
                </a:lnTo>
                <a:lnTo>
                  <a:pt x="201009" y="3348100"/>
                </a:lnTo>
                <a:close/>
                <a:moveTo>
                  <a:pt x="4484019" y="3248669"/>
                </a:moveTo>
                <a:lnTo>
                  <a:pt x="4484019" y="3249113"/>
                </a:lnTo>
                <a:lnTo>
                  <a:pt x="4484463" y="3249113"/>
                </a:lnTo>
                <a:lnTo>
                  <a:pt x="4484463" y="3248669"/>
                </a:lnTo>
                <a:close/>
                <a:moveTo>
                  <a:pt x="4360961" y="3248669"/>
                </a:moveTo>
                <a:lnTo>
                  <a:pt x="4360961" y="3249113"/>
                </a:lnTo>
                <a:lnTo>
                  <a:pt x="4361405" y="3249113"/>
                </a:lnTo>
                <a:lnTo>
                  <a:pt x="4361405" y="3248669"/>
                </a:lnTo>
                <a:close/>
                <a:moveTo>
                  <a:pt x="4237904" y="3248669"/>
                </a:moveTo>
                <a:lnTo>
                  <a:pt x="4237904" y="3249113"/>
                </a:lnTo>
                <a:lnTo>
                  <a:pt x="4238348" y="3249113"/>
                </a:lnTo>
                <a:lnTo>
                  <a:pt x="4238348" y="3248669"/>
                </a:lnTo>
                <a:close/>
                <a:moveTo>
                  <a:pt x="4114847" y="3248669"/>
                </a:moveTo>
                <a:lnTo>
                  <a:pt x="4114847" y="3249113"/>
                </a:lnTo>
                <a:lnTo>
                  <a:pt x="4115291" y="3249113"/>
                </a:lnTo>
                <a:lnTo>
                  <a:pt x="4115291" y="3248669"/>
                </a:lnTo>
                <a:close/>
                <a:moveTo>
                  <a:pt x="3991789" y="3248669"/>
                </a:moveTo>
                <a:lnTo>
                  <a:pt x="3991789" y="3249113"/>
                </a:lnTo>
                <a:lnTo>
                  <a:pt x="3992234" y="3249113"/>
                </a:lnTo>
                <a:lnTo>
                  <a:pt x="3992234" y="3248669"/>
                </a:lnTo>
                <a:close/>
                <a:moveTo>
                  <a:pt x="3868732" y="3248669"/>
                </a:moveTo>
                <a:lnTo>
                  <a:pt x="3868732" y="3249113"/>
                </a:lnTo>
                <a:lnTo>
                  <a:pt x="3869176" y="3249113"/>
                </a:lnTo>
                <a:lnTo>
                  <a:pt x="3869176" y="3248669"/>
                </a:lnTo>
                <a:close/>
                <a:moveTo>
                  <a:pt x="3745453" y="3248484"/>
                </a:moveTo>
                <a:lnTo>
                  <a:pt x="3745453" y="3249336"/>
                </a:lnTo>
                <a:lnTo>
                  <a:pt x="3746305" y="3249336"/>
                </a:lnTo>
                <a:lnTo>
                  <a:pt x="3746305" y="3248484"/>
                </a:lnTo>
                <a:close/>
                <a:moveTo>
                  <a:pt x="3622395" y="3248484"/>
                </a:moveTo>
                <a:lnTo>
                  <a:pt x="3622395" y="3249336"/>
                </a:lnTo>
                <a:lnTo>
                  <a:pt x="3623247" y="3249336"/>
                </a:lnTo>
                <a:lnTo>
                  <a:pt x="3623247" y="3248484"/>
                </a:lnTo>
                <a:close/>
                <a:moveTo>
                  <a:pt x="3499116" y="3248262"/>
                </a:moveTo>
                <a:lnTo>
                  <a:pt x="3499116" y="3249558"/>
                </a:lnTo>
                <a:lnTo>
                  <a:pt x="3500412" y="3249558"/>
                </a:lnTo>
                <a:lnTo>
                  <a:pt x="3500412" y="3248262"/>
                </a:lnTo>
                <a:close/>
                <a:moveTo>
                  <a:pt x="3375836" y="3248040"/>
                </a:moveTo>
                <a:lnTo>
                  <a:pt x="3375836" y="3249780"/>
                </a:lnTo>
                <a:lnTo>
                  <a:pt x="3377576" y="3249780"/>
                </a:lnTo>
                <a:lnTo>
                  <a:pt x="3377576" y="3248040"/>
                </a:lnTo>
                <a:close/>
                <a:moveTo>
                  <a:pt x="3252335" y="3247632"/>
                </a:moveTo>
                <a:lnTo>
                  <a:pt x="3252335" y="3250224"/>
                </a:lnTo>
                <a:lnTo>
                  <a:pt x="3254927" y="3250224"/>
                </a:lnTo>
                <a:lnTo>
                  <a:pt x="3254927" y="3247632"/>
                </a:lnTo>
                <a:close/>
                <a:moveTo>
                  <a:pt x="3128833" y="3247188"/>
                </a:moveTo>
                <a:lnTo>
                  <a:pt x="3128833" y="3250669"/>
                </a:lnTo>
                <a:lnTo>
                  <a:pt x="3132314" y="3250669"/>
                </a:lnTo>
                <a:lnTo>
                  <a:pt x="3132314" y="3247188"/>
                </a:lnTo>
                <a:close/>
                <a:moveTo>
                  <a:pt x="3005331" y="3246743"/>
                </a:moveTo>
                <a:lnTo>
                  <a:pt x="3005331" y="3251076"/>
                </a:lnTo>
                <a:lnTo>
                  <a:pt x="3009664" y="3251076"/>
                </a:lnTo>
                <a:lnTo>
                  <a:pt x="3009664" y="3246743"/>
                </a:lnTo>
                <a:close/>
                <a:moveTo>
                  <a:pt x="2881644" y="3246114"/>
                </a:moveTo>
                <a:lnTo>
                  <a:pt x="2881644" y="3251743"/>
                </a:lnTo>
                <a:lnTo>
                  <a:pt x="2887273" y="3251743"/>
                </a:lnTo>
                <a:lnTo>
                  <a:pt x="2887273" y="3246114"/>
                </a:lnTo>
                <a:close/>
                <a:moveTo>
                  <a:pt x="2757920" y="3245410"/>
                </a:moveTo>
                <a:lnTo>
                  <a:pt x="2757920" y="3252372"/>
                </a:lnTo>
                <a:lnTo>
                  <a:pt x="2764882" y="3252372"/>
                </a:lnTo>
                <a:lnTo>
                  <a:pt x="2764882" y="3245410"/>
                </a:lnTo>
                <a:close/>
                <a:moveTo>
                  <a:pt x="2634011" y="3244559"/>
                </a:moveTo>
                <a:lnTo>
                  <a:pt x="2634011" y="3253261"/>
                </a:lnTo>
                <a:lnTo>
                  <a:pt x="2642714" y="3253261"/>
                </a:lnTo>
                <a:lnTo>
                  <a:pt x="2642714" y="3244559"/>
                </a:lnTo>
                <a:close/>
                <a:moveTo>
                  <a:pt x="2510065" y="3243707"/>
                </a:moveTo>
                <a:lnTo>
                  <a:pt x="2510065" y="3254113"/>
                </a:lnTo>
                <a:lnTo>
                  <a:pt x="2520471" y="3254113"/>
                </a:lnTo>
                <a:lnTo>
                  <a:pt x="2520471" y="3243707"/>
                </a:lnTo>
                <a:close/>
                <a:moveTo>
                  <a:pt x="2385934" y="3242633"/>
                </a:moveTo>
                <a:lnTo>
                  <a:pt x="2385934" y="3255224"/>
                </a:lnTo>
                <a:lnTo>
                  <a:pt x="2398525" y="3255224"/>
                </a:lnTo>
                <a:lnTo>
                  <a:pt x="2398525" y="3242633"/>
                </a:lnTo>
                <a:close/>
                <a:moveTo>
                  <a:pt x="2261766" y="3241522"/>
                </a:moveTo>
                <a:lnTo>
                  <a:pt x="2261766" y="3256298"/>
                </a:lnTo>
                <a:lnTo>
                  <a:pt x="2276542" y="3256298"/>
                </a:lnTo>
                <a:lnTo>
                  <a:pt x="2276542" y="3241522"/>
                </a:lnTo>
                <a:close/>
                <a:moveTo>
                  <a:pt x="2137412" y="3240226"/>
                </a:moveTo>
                <a:lnTo>
                  <a:pt x="2137412" y="3257594"/>
                </a:lnTo>
                <a:lnTo>
                  <a:pt x="2154780" y="3257594"/>
                </a:lnTo>
                <a:lnTo>
                  <a:pt x="2154780" y="3240226"/>
                </a:lnTo>
                <a:close/>
                <a:moveTo>
                  <a:pt x="2013059" y="3238893"/>
                </a:moveTo>
                <a:lnTo>
                  <a:pt x="2013059" y="3258890"/>
                </a:lnTo>
                <a:lnTo>
                  <a:pt x="2033056" y="3258890"/>
                </a:lnTo>
                <a:lnTo>
                  <a:pt x="2033056" y="3238893"/>
                </a:lnTo>
                <a:close/>
                <a:moveTo>
                  <a:pt x="1888668" y="3237634"/>
                </a:moveTo>
                <a:lnTo>
                  <a:pt x="1888668" y="3260223"/>
                </a:lnTo>
                <a:lnTo>
                  <a:pt x="1911257" y="3260223"/>
                </a:lnTo>
                <a:lnTo>
                  <a:pt x="1911257" y="3237634"/>
                </a:lnTo>
                <a:close/>
                <a:moveTo>
                  <a:pt x="1764093" y="3236115"/>
                </a:moveTo>
                <a:lnTo>
                  <a:pt x="1764093" y="3261741"/>
                </a:lnTo>
                <a:lnTo>
                  <a:pt x="1789719" y="3261741"/>
                </a:lnTo>
                <a:lnTo>
                  <a:pt x="1789719" y="3236115"/>
                </a:lnTo>
                <a:close/>
                <a:moveTo>
                  <a:pt x="1639517" y="3234597"/>
                </a:moveTo>
                <a:lnTo>
                  <a:pt x="1639517" y="3263260"/>
                </a:lnTo>
                <a:lnTo>
                  <a:pt x="1668180" y="3263260"/>
                </a:lnTo>
                <a:lnTo>
                  <a:pt x="1668180" y="3234597"/>
                </a:lnTo>
                <a:close/>
                <a:moveTo>
                  <a:pt x="1514941" y="3233079"/>
                </a:moveTo>
                <a:lnTo>
                  <a:pt x="1514941" y="3264778"/>
                </a:lnTo>
                <a:lnTo>
                  <a:pt x="1546640" y="3264778"/>
                </a:lnTo>
                <a:lnTo>
                  <a:pt x="1546640" y="3233079"/>
                </a:lnTo>
                <a:close/>
                <a:moveTo>
                  <a:pt x="1390588" y="3231745"/>
                </a:moveTo>
                <a:lnTo>
                  <a:pt x="1390588" y="3266074"/>
                </a:lnTo>
                <a:lnTo>
                  <a:pt x="1424917" y="3266074"/>
                </a:lnTo>
                <a:lnTo>
                  <a:pt x="1424917" y="3231745"/>
                </a:lnTo>
                <a:close/>
                <a:moveTo>
                  <a:pt x="1266012" y="3230227"/>
                </a:moveTo>
                <a:lnTo>
                  <a:pt x="1266012" y="3267592"/>
                </a:lnTo>
                <a:lnTo>
                  <a:pt x="1303377" y="3267592"/>
                </a:lnTo>
                <a:lnTo>
                  <a:pt x="1303377" y="3230227"/>
                </a:lnTo>
                <a:close/>
                <a:moveTo>
                  <a:pt x="1141622" y="3228931"/>
                </a:moveTo>
                <a:lnTo>
                  <a:pt x="1141622" y="3268889"/>
                </a:lnTo>
                <a:lnTo>
                  <a:pt x="1181580" y="3268889"/>
                </a:lnTo>
                <a:lnTo>
                  <a:pt x="1181580" y="3228931"/>
                </a:lnTo>
                <a:close/>
                <a:moveTo>
                  <a:pt x="1017491" y="3227820"/>
                </a:moveTo>
                <a:lnTo>
                  <a:pt x="1017491" y="3269962"/>
                </a:lnTo>
                <a:lnTo>
                  <a:pt x="1059633" y="3269962"/>
                </a:lnTo>
                <a:lnTo>
                  <a:pt x="1059633" y="3227820"/>
                </a:lnTo>
                <a:close/>
                <a:moveTo>
                  <a:pt x="893359" y="3226783"/>
                </a:moveTo>
                <a:lnTo>
                  <a:pt x="893359" y="3271073"/>
                </a:lnTo>
                <a:lnTo>
                  <a:pt x="937649" y="3271073"/>
                </a:lnTo>
                <a:lnTo>
                  <a:pt x="937649" y="3226783"/>
                </a:lnTo>
                <a:close/>
                <a:moveTo>
                  <a:pt x="769191" y="3225672"/>
                </a:moveTo>
                <a:lnTo>
                  <a:pt x="769191" y="3272147"/>
                </a:lnTo>
                <a:lnTo>
                  <a:pt x="815666" y="3272147"/>
                </a:lnTo>
                <a:lnTo>
                  <a:pt x="815666" y="3225672"/>
                </a:lnTo>
                <a:close/>
                <a:moveTo>
                  <a:pt x="645282" y="3224820"/>
                </a:moveTo>
                <a:lnTo>
                  <a:pt x="645282" y="3273036"/>
                </a:lnTo>
                <a:lnTo>
                  <a:pt x="693498" y="3273036"/>
                </a:lnTo>
                <a:lnTo>
                  <a:pt x="693498" y="3224820"/>
                </a:lnTo>
                <a:close/>
                <a:moveTo>
                  <a:pt x="521336" y="3223932"/>
                </a:moveTo>
                <a:lnTo>
                  <a:pt x="521336" y="3273888"/>
                </a:lnTo>
                <a:lnTo>
                  <a:pt x="571292" y="3273888"/>
                </a:lnTo>
                <a:lnTo>
                  <a:pt x="571292" y="3223932"/>
                </a:lnTo>
                <a:close/>
                <a:moveTo>
                  <a:pt x="397612" y="3223302"/>
                </a:moveTo>
                <a:lnTo>
                  <a:pt x="397612" y="3274554"/>
                </a:lnTo>
                <a:lnTo>
                  <a:pt x="448864" y="3274554"/>
                </a:lnTo>
                <a:lnTo>
                  <a:pt x="448864" y="3223302"/>
                </a:lnTo>
                <a:close/>
                <a:moveTo>
                  <a:pt x="28218" y="3223043"/>
                </a:moveTo>
                <a:lnTo>
                  <a:pt x="28218" y="3274740"/>
                </a:lnTo>
                <a:lnTo>
                  <a:pt x="79915" y="3274740"/>
                </a:lnTo>
                <a:lnTo>
                  <a:pt x="79915" y="3223043"/>
                </a:lnTo>
                <a:close/>
                <a:moveTo>
                  <a:pt x="274147" y="3222858"/>
                </a:moveTo>
                <a:lnTo>
                  <a:pt x="274147" y="3274962"/>
                </a:lnTo>
                <a:lnTo>
                  <a:pt x="326251" y="3274962"/>
                </a:lnTo>
                <a:lnTo>
                  <a:pt x="326251" y="3222858"/>
                </a:lnTo>
                <a:close/>
                <a:moveTo>
                  <a:pt x="150646" y="3222413"/>
                </a:moveTo>
                <a:lnTo>
                  <a:pt x="150646" y="3275406"/>
                </a:lnTo>
                <a:lnTo>
                  <a:pt x="203639" y="3275406"/>
                </a:lnTo>
                <a:lnTo>
                  <a:pt x="203639" y="3222413"/>
                </a:lnTo>
                <a:close/>
                <a:moveTo>
                  <a:pt x="4484019" y="3125612"/>
                </a:moveTo>
                <a:lnTo>
                  <a:pt x="4484019" y="3126056"/>
                </a:lnTo>
                <a:lnTo>
                  <a:pt x="4484463" y="3126056"/>
                </a:lnTo>
                <a:lnTo>
                  <a:pt x="4484463" y="3125612"/>
                </a:lnTo>
                <a:close/>
                <a:moveTo>
                  <a:pt x="4360961" y="3125612"/>
                </a:moveTo>
                <a:lnTo>
                  <a:pt x="4360961" y="3126056"/>
                </a:lnTo>
                <a:lnTo>
                  <a:pt x="4361405" y="3126056"/>
                </a:lnTo>
                <a:lnTo>
                  <a:pt x="4361405" y="3125612"/>
                </a:lnTo>
                <a:close/>
                <a:moveTo>
                  <a:pt x="4237904" y="3125612"/>
                </a:moveTo>
                <a:lnTo>
                  <a:pt x="4237904" y="3126056"/>
                </a:lnTo>
                <a:lnTo>
                  <a:pt x="4238348" y="3126056"/>
                </a:lnTo>
                <a:lnTo>
                  <a:pt x="4238348" y="3125612"/>
                </a:lnTo>
                <a:close/>
                <a:moveTo>
                  <a:pt x="4114847" y="3125612"/>
                </a:moveTo>
                <a:lnTo>
                  <a:pt x="4114847" y="3126056"/>
                </a:lnTo>
                <a:lnTo>
                  <a:pt x="4115291" y="3126056"/>
                </a:lnTo>
                <a:lnTo>
                  <a:pt x="4115291" y="3125612"/>
                </a:lnTo>
                <a:close/>
                <a:moveTo>
                  <a:pt x="3991789" y="3125612"/>
                </a:moveTo>
                <a:lnTo>
                  <a:pt x="3991789" y="3126056"/>
                </a:lnTo>
                <a:lnTo>
                  <a:pt x="3992234" y="3126056"/>
                </a:lnTo>
                <a:lnTo>
                  <a:pt x="3992234" y="3125612"/>
                </a:lnTo>
                <a:close/>
                <a:moveTo>
                  <a:pt x="3868732" y="3125612"/>
                </a:moveTo>
                <a:lnTo>
                  <a:pt x="3868732" y="3126056"/>
                </a:lnTo>
                <a:lnTo>
                  <a:pt x="3869176" y="3126056"/>
                </a:lnTo>
                <a:lnTo>
                  <a:pt x="3869176" y="3125612"/>
                </a:lnTo>
                <a:close/>
                <a:moveTo>
                  <a:pt x="3745675" y="3125612"/>
                </a:moveTo>
                <a:lnTo>
                  <a:pt x="3745675" y="3126056"/>
                </a:lnTo>
                <a:lnTo>
                  <a:pt x="3746119" y="3126056"/>
                </a:lnTo>
                <a:lnTo>
                  <a:pt x="3746119" y="3125612"/>
                </a:lnTo>
                <a:close/>
                <a:moveTo>
                  <a:pt x="3622395" y="3125426"/>
                </a:moveTo>
                <a:lnTo>
                  <a:pt x="3622395" y="3126278"/>
                </a:lnTo>
                <a:lnTo>
                  <a:pt x="3623247" y="3126278"/>
                </a:lnTo>
                <a:lnTo>
                  <a:pt x="3623247" y="3125426"/>
                </a:lnTo>
                <a:close/>
                <a:moveTo>
                  <a:pt x="3499116" y="3125204"/>
                </a:moveTo>
                <a:lnTo>
                  <a:pt x="3499116" y="3126500"/>
                </a:lnTo>
                <a:lnTo>
                  <a:pt x="3500412" y="3126500"/>
                </a:lnTo>
                <a:lnTo>
                  <a:pt x="3500412" y="3125204"/>
                </a:lnTo>
                <a:close/>
                <a:moveTo>
                  <a:pt x="3375836" y="3124983"/>
                </a:moveTo>
                <a:lnTo>
                  <a:pt x="3375836" y="3126723"/>
                </a:lnTo>
                <a:lnTo>
                  <a:pt x="3377576" y="3126723"/>
                </a:lnTo>
                <a:lnTo>
                  <a:pt x="3377576" y="3124983"/>
                </a:lnTo>
                <a:close/>
                <a:moveTo>
                  <a:pt x="3252557" y="3124760"/>
                </a:moveTo>
                <a:lnTo>
                  <a:pt x="3252557" y="3126945"/>
                </a:lnTo>
                <a:lnTo>
                  <a:pt x="3254742" y="3126945"/>
                </a:lnTo>
                <a:lnTo>
                  <a:pt x="3254742" y="3124760"/>
                </a:lnTo>
                <a:close/>
                <a:moveTo>
                  <a:pt x="3128833" y="3124093"/>
                </a:moveTo>
                <a:lnTo>
                  <a:pt x="3128833" y="3127574"/>
                </a:lnTo>
                <a:lnTo>
                  <a:pt x="3132314" y="3127574"/>
                </a:lnTo>
                <a:lnTo>
                  <a:pt x="3132314" y="3124093"/>
                </a:lnTo>
                <a:close/>
                <a:moveTo>
                  <a:pt x="3005331" y="3123686"/>
                </a:moveTo>
                <a:lnTo>
                  <a:pt x="3005331" y="3128019"/>
                </a:lnTo>
                <a:lnTo>
                  <a:pt x="3009664" y="3128019"/>
                </a:lnTo>
                <a:lnTo>
                  <a:pt x="3009664" y="3123686"/>
                </a:lnTo>
                <a:close/>
                <a:moveTo>
                  <a:pt x="2881644" y="3123056"/>
                </a:moveTo>
                <a:lnTo>
                  <a:pt x="2881644" y="3128685"/>
                </a:lnTo>
                <a:lnTo>
                  <a:pt x="2887273" y="3128685"/>
                </a:lnTo>
                <a:lnTo>
                  <a:pt x="2887273" y="3123056"/>
                </a:lnTo>
                <a:close/>
                <a:moveTo>
                  <a:pt x="2757698" y="3122168"/>
                </a:moveTo>
                <a:lnTo>
                  <a:pt x="2757698" y="3129537"/>
                </a:lnTo>
                <a:lnTo>
                  <a:pt x="2765067" y="3129537"/>
                </a:lnTo>
                <a:lnTo>
                  <a:pt x="2765067" y="3122168"/>
                </a:lnTo>
                <a:close/>
                <a:moveTo>
                  <a:pt x="2633789" y="3121316"/>
                </a:moveTo>
                <a:lnTo>
                  <a:pt x="2633789" y="3130426"/>
                </a:lnTo>
                <a:lnTo>
                  <a:pt x="2642899" y="3130426"/>
                </a:lnTo>
                <a:lnTo>
                  <a:pt x="2642899" y="3121316"/>
                </a:lnTo>
                <a:close/>
                <a:moveTo>
                  <a:pt x="2509843" y="3120428"/>
                </a:moveTo>
                <a:lnTo>
                  <a:pt x="2509843" y="3131278"/>
                </a:lnTo>
                <a:lnTo>
                  <a:pt x="2520693" y="3131278"/>
                </a:lnTo>
                <a:lnTo>
                  <a:pt x="2520693" y="3120428"/>
                </a:lnTo>
                <a:close/>
                <a:moveTo>
                  <a:pt x="2385712" y="3119317"/>
                </a:moveTo>
                <a:lnTo>
                  <a:pt x="2385712" y="3132352"/>
                </a:lnTo>
                <a:lnTo>
                  <a:pt x="2398747" y="3132352"/>
                </a:lnTo>
                <a:lnTo>
                  <a:pt x="2398747" y="3119317"/>
                </a:lnTo>
                <a:close/>
                <a:moveTo>
                  <a:pt x="2261136" y="3117798"/>
                </a:moveTo>
                <a:lnTo>
                  <a:pt x="2261136" y="3133870"/>
                </a:lnTo>
                <a:lnTo>
                  <a:pt x="2277208" y="3133870"/>
                </a:lnTo>
                <a:lnTo>
                  <a:pt x="2277208" y="3117798"/>
                </a:lnTo>
                <a:close/>
                <a:moveTo>
                  <a:pt x="2136746" y="3116539"/>
                </a:moveTo>
                <a:lnTo>
                  <a:pt x="2136746" y="3135203"/>
                </a:lnTo>
                <a:lnTo>
                  <a:pt x="2155410" y="3135203"/>
                </a:lnTo>
                <a:lnTo>
                  <a:pt x="2155410" y="3116539"/>
                </a:lnTo>
                <a:close/>
                <a:moveTo>
                  <a:pt x="2012170" y="3115020"/>
                </a:moveTo>
                <a:lnTo>
                  <a:pt x="2012170" y="3136721"/>
                </a:lnTo>
                <a:lnTo>
                  <a:pt x="2033871" y="3136721"/>
                </a:lnTo>
                <a:lnTo>
                  <a:pt x="2033871" y="3115020"/>
                </a:lnTo>
                <a:close/>
                <a:moveTo>
                  <a:pt x="1887594" y="3113466"/>
                </a:moveTo>
                <a:lnTo>
                  <a:pt x="1887594" y="3138240"/>
                </a:lnTo>
                <a:lnTo>
                  <a:pt x="1912368" y="3138240"/>
                </a:lnTo>
                <a:lnTo>
                  <a:pt x="1912368" y="3113466"/>
                </a:lnTo>
                <a:close/>
                <a:moveTo>
                  <a:pt x="1763019" y="3111947"/>
                </a:moveTo>
                <a:lnTo>
                  <a:pt x="1763019" y="3139758"/>
                </a:lnTo>
                <a:lnTo>
                  <a:pt x="1790830" y="3139758"/>
                </a:lnTo>
                <a:lnTo>
                  <a:pt x="1790830" y="3111947"/>
                </a:lnTo>
                <a:close/>
                <a:moveTo>
                  <a:pt x="1638443" y="3110428"/>
                </a:moveTo>
                <a:lnTo>
                  <a:pt x="1638443" y="3141276"/>
                </a:lnTo>
                <a:lnTo>
                  <a:pt x="1669291" y="3141276"/>
                </a:lnTo>
                <a:lnTo>
                  <a:pt x="1669291" y="3110428"/>
                </a:lnTo>
                <a:close/>
                <a:moveTo>
                  <a:pt x="1513645" y="3108688"/>
                </a:moveTo>
                <a:lnTo>
                  <a:pt x="1513645" y="3143017"/>
                </a:lnTo>
                <a:lnTo>
                  <a:pt x="1547974" y="3143017"/>
                </a:lnTo>
                <a:lnTo>
                  <a:pt x="1547974" y="3108688"/>
                </a:lnTo>
                <a:close/>
                <a:moveTo>
                  <a:pt x="1389070" y="3107170"/>
                </a:moveTo>
                <a:lnTo>
                  <a:pt x="1389070" y="3144535"/>
                </a:lnTo>
                <a:lnTo>
                  <a:pt x="1426435" y="3144535"/>
                </a:lnTo>
                <a:lnTo>
                  <a:pt x="1426435" y="3107170"/>
                </a:lnTo>
                <a:close/>
                <a:moveTo>
                  <a:pt x="1264272" y="3105467"/>
                </a:moveTo>
                <a:lnTo>
                  <a:pt x="1264272" y="3146276"/>
                </a:lnTo>
                <a:lnTo>
                  <a:pt x="1305081" y="3146276"/>
                </a:lnTo>
                <a:lnTo>
                  <a:pt x="1305081" y="3105467"/>
                </a:lnTo>
                <a:close/>
                <a:moveTo>
                  <a:pt x="1139881" y="3104134"/>
                </a:moveTo>
                <a:lnTo>
                  <a:pt x="1139881" y="3147572"/>
                </a:lnTo>
                <a:lnTo>
                  <a:pt x="1183320" y="3147572"/>
                </a:lnTo>
                <a:lnTo>
                  <a:pt x="1183320" y="3104134"/>
                </a:lnTo>
                <a:close/>
                <a:moveTo>
                  <a:pt x="1015306" y="3102615"/>
                </a:moveTo>
                <a:lnTo>
                  <a:pt x="1015306" y="3149090"/>
                </a:lnTo>
                <a:lnTo>
                  <a:pt x="1061781" y="3149090"/>
                </a:lnTo>
                <a:lnTo>
                  <a:pt x="1061781" y="3102615"/>
                </a:lnTo>
                <a:close/>
                <a:moveTo>
                  <a:pt x="890952" y="3101318"/>
                </a:moveTo>
                <a:lnTo>
                  <a:pt x="890952" y="3150386"/>
                </a:lnTo>
                <a:lnTo>
                  <a:pt x="940019" y="3150386"/>
                </a:lnTo>
                <a:lnTo>
                  <a:pt x="940019" y="3101318"/>
                </a:lnTo>
                <a:close/>
                <a:moveTo>
                  <a:pt x="766821" y="3100245"/>
                </a:moveTo>
                <a:lnTo>
                  <a:pt x="766821" y="3151497"/>
                </a:lnTo>
                <a:lnTo>
                  <a:pt x="818073" y="3151497"/>
                </a:lnTo>
                <a:lnTo>
                  <a:pt x="818073" y="3100245"/>
                </a:lnTo>
                <a:close/>
                <a:moveTo>
                  <a:pt x="642875" y="3099356"/>
                </a:moveTo>
                <a:lnTo>
                  <a:pt x="642875" y="3152349"/>
                </a:lnTo>
                <a:lnTo>
                  <a:pt x="695868" y="3152349"/>
                </a:lnTo>
                <a:lnTo>
                  <a:pt x="695868" y="3099356"/>
                </a:lnTo>
                <a:close/>
                <a:moveTo>
                  <a:pt x="518966" y="3098468"/>
                </a:moveTo>
                <a:lnTo>
                  <a:pt x="518966" y="3153201"/>
                </a:lnTo>
                <a:lnTo>
                  <a:pt x="573699" y="3153201"/>
                </a:lnTo>
                <a:lnTo>
                  <a:pt x="573699" y="3098468"/>
                </a:lnTo>
                <a:close/>
                <a:moveTo>
                  <a:pt x="395242" y="3097837"/>
                </a:moveTo>
                <a:lnTo>
                  <a:pt x="395242" y="3153867"/>
                </a:lnTo>
                <a:lnTo>
                  <a:pt x="451271" y="3153867"/>
                </a:lnTo>
                <a:lnTo>
                  <a:pt x="451271" y="3097837"/>
                </a:lnTo>
                <a:close/>
                <a:moveTo>
                  <a:pt x="25626" y="3097431"/>
                </a:moveTo>
                <a:lnTo>
                  <a:pt x="25626" y="3154312"/>
                </a:lnTo>
                <a:lnTo>
                  <a:pt x="82507" y="3154312"/>
                </a:lnTo>
                <a:lnTo>
                  <a:pt x="82507" y="3097431"/>
                </a:lnTo>
                <a:close/>
                <a:moveTo>
                  <a:pt x="271518" y="3097209"/>
                </a:moveTo>
                <a:lnTo>
                  <a:pt x="271518" y="3154534"/>
                </a:lnTo>
                <a:lnTo>
                  <a:pt x="328844" y="3154534"/>
                </a:lnTo>
                <a:lnTo>
                  <a:pt x="328844" y="3097209"/>
                </a:lnTo>
                <a:close/>
                <a:moveTo>
                  <a:pt x="148016" y="3096727"/>
                </a:moveTo>
                <a:lnTo>
                  <a:pt x="148016" y="3154941"/>
                </a:lnTo>
                <a:lnTo>
                  <a:pt x="206230" y="3154941"/>
                </a:lnTo>
                <a:lnTo>
                  <a:pt x="206230" y="3096727"/>
                </a:lnTo>
                <a:close/>
                <a:moveTo>
                  <a:pt x="4360961" y="3002555"/>
                </a:moveTo>
                <a:lnTo>
                  <a:pt x="4360961" y="3002999"/>
                </a:lnTo>
                <a:lnTo>
                  <a:pt x="4361405" y="3002999"/>
                </a:lnTo>
                <a:lnTo>
                  <a:pt x="4361405" y="3002555"/>
                </a:lnTo>
                <a:close/>
                <a:moveTo>
                  <a:pt x="4237904" y="3002555"/>
                </a:moveTo>
                <a:lnTo>
                  <a:pt x="4237904" y="3002999"/>
                </a:lnTo>
                <a:lnTo>
                  <a:pt x="4238348" y="3002999"/>
                </a:lnTo>
                <a:lnTo>
                  <a:pt x="4238348" y="3002555"/>
                </a:lnTo>
                <a:close/>
                <a:moveTo>
                  <a:pt x="4114847" y="3002555"/>
                </a:moveTo>
                <a:lnTo>
                  <a:pt x="4114847" y="3002999"/>
                </a:lnTo>
                <a:lnTo>
                  <a:pt x="4115291" y="3002999"/>
                </a:lnTo>
                <a:lnTo>
                  <a:pt x="4115291" y="3002555"/>
                </a:lnTo>
                <a:close/>
                <a:moveTo>
                  <a:pt x="3991789" y="3002555"/>
                </a:moveTo>
                <a:lnTo>
                  <a:pt x="3991789" y="3002999"/>
                </a:lnTo>
                <a:lnTo>
                  <a:pt x="3992234" y="3002999"/>
                </a:lnTo>
                <a:lnTo>
                  <a:pt x="3992234" y="3002555"/>
                </a:lnTo>
                <a:close/>
                <a:moveTo>
                  <a:pt x="3868732" y="3002555"/>
                </a:moveTo>
                <a:lnTo>
                  <a:pt x="3868732" y="3002999"/>
                </a:lnTo>
                <a:lnTo>
                  <a:pt x="3869176" y="3002999"/>
                </a:lnTo>
                <a:lnTo>
                  <a:pt x="3869176" y="3002555"/>
                </a:lnTo>
                <a:close/>
                <a:moveTo>
                  <a:pt x="3745675" y="3002555"/>
                </a:moveTo>
                <a:lnTo>
                  <a:pt x="3745675" y="3002999"/>
                </a:lnTo>
                <a:lnTo>
                  <a:pt x="3746119" y="3002999"/>
                </a:lnTo>
                <a:lnTo>
                  <a:pt x="3746119" y="3002555"/>
                </a:lnTo>
                <a:close/>
                <a:moveTo>
                  <a:pt x="3622395" y="3002369"/>
                </a:moveTo>
                <a:lnTo>
                  <a:pt x="3622395" y="3003221"/>
                </a:lnTo>
                <a:lnTo>
                  <a:pt x="3623247" y="3003221"/>
                </a:lnTo>
                <a:lnTo>
                  <a:pt x="3623247" y="3002369"/>
                </a:lnTo>
                <a:close/>
                <a:moveTo>
                  <a:pt x="3499116" y="3002147"/>
                </a:moveTo>
                <a:lnTo>
                  <a:pt x="3499116" y="3003443"/>
                </a:lnTo>
                <a:lnTo>
                  <a:pt x="3500412" y="3003443"/>
                </a:lnTo>
                <a:lnTo>
                  <a:pt x="3500412" y="3002147"/>
                </a:lnTo>
                <a:close/>
                <a:moveTo>
                  <a:pt x="3375836" y="3001925"/>
                </a:moveTo>
                <a:lnTo>
                  <a:pt x="3375836" y="3003665"/>
                </a:lnTo>
                <a:lnTo>
                  <a:pt x="3377576" y="3003665"/>
                </a:lnTo>
                <a:lnTo>
                  <a:pt x="3377576" y="3001925"/>
                </a:lnTo>
                <a:close/>
                <a:moveTo>
                  <a:pt x="3252557" y="3001703"/>
                </a:moveTo>
                <a:lnTo>
                  <a:pt x="3252557" y="3003888"/>
                </a:lnTo>
                <a:lnTo>
                  <a:pt x="3254742" y="3003888"/>
                </a:lnTo>
                <a:lnTo>
                  <a:pt x="3254742" y="3001703"/>
                </a:lnTo>
                <a:close/>
                <a:moveTo>
                  <a:pt x="3129055" y="3001258"/>
                </a:moveTo>
                <a:lnTo>
                  <a:pt x="3129055" y="3004295"/>
                </a:lnTo>
                <a:lnTo>
                  <a:pt x="3132092" y="3004295"/>
                </a:lnTo>
                <a:lnTo>
                  <a:pt x="3132092" y="3001258"/>
                </a:lnTo>
                <a:close/>
                <a:moveTo>
                  <a:pt x="3005331" y="3000628"/>
                </a:moveTo>
                <a:lnTo>
                  <a:pt x="3005331" y="3004961"/>
                </a:lnTo>
                <a:lnTo>
                  <a:pt x="3009664" y="3004961"/>
                </a:lnTo>
                <a:lnTo>
                  <a:pt x="3009664" y="3000628"/>
                </a:lnTo>
                <a:close/>
                <a:moveTo>
                  <a:pt x="2881644" y="2999999"/>
                </a:moveTo>
                <a:lnTo>
                  <a:pt x="2881644" y="3005628"/>
                </a:lnTo>
                <a:lnTo>
                  <a:pt x="2887273" y="3005628"/>
                </a:lnTo>
                <a:lnTo>
                  <a:pt x="2887273" y="2999999"/>
                </a:lnTo>
                <a:close/>
                <a:moveTo>
                  <a:pt x="2757698" y="2999111"/>
                </a:moveTo>
                <a:lnTo>
                  <a:pt x="2757698" y="3006480"/>
                </a:lnTo>
                <a:lnTo>
                  <a:pt x="2765067" y="3006480"/>
                </a:lnTo>
                <a:lnTo>
                  <a:pt x="2765067" y="2999111"/>
                </a:lnTo>
                <a:close/>
                <a:moveTo>
                  <a:pt x="2633789" y="2998259"/>
                </a:moveTo>
                <a:lnTo>
                  <a:pt x="2633789" y="3007369"/>
                </a:lnTo>
                <a:lnTo>
                  <a:pt x="2642899" y="3007369"/>
                </a:lnTo>
                <a:lnTo>
                  <a:pt x="2642899" y="2998259"/>
                </a:lnTo>
                <a:close/>
                <a:moveTo>
                  <a:pt x="2509621" y="2997147"/>
                </a:moveTo>
                <a:lnTo>
                  <a:pt x="2509621" y="3008442"/>
                </a:lnTo>
                <a:lnTo>
                  <a:pt x="2520916" y="3008442"/>
                </a:lnTo>
                <a:lnTo>
                  <a:pt x="2520916" y="2997147"/>
                </a:lnTo>
                <a:close/>
                <a:moveTo>
                  <a:pt x="2385267" y="2995852"/>
                </a:moveTo>
                <a:lnTo>
                  <a:pt x="2385267" y="3009739"/>
                </a:lnTo>
                <a:lnTo>
                  <a:pt x="2399154" y="3009739"/>
                </a:lnTo>
                <a:lnTo>
                  <a:pt x="2399154" y="2995852"/>
                </a:lnTo>
                <a:close/>
                <a:moveTo>
                  <a:pt x="2260914" y="2994519"/>
                </a:moveTo>
                <a:lnTo>
                  <a:pt x="2260914" y="3011035"/>
                </a:lnTo>
                <a:lnTo>
                  <a:pt x="2277430" y="3011035"/>
                </a:lnTo>
                <a:lnTo>
                  <a:pt x="2277430" y="2994519"/>
                </a:lnTo>
                <a:close/>
                <a:moveTo>
                  <a:pt x="2136338" y="2993000"/>
                </a:moveTo>
                <a:lnTo>
                  <a:pt x="2136338" y="3012553"/>
                </a:lnTo>
                <a:lnTo>
                  <a:pt x="2155891" y="3012553"/>
                </a:lnTo>
                <a:lnTo>
                  <a:pt x="2155891" y="2993000"/>
                </a:lnTo>
                <a:close/>
                <a:moveTo>
                  <a:pt x="2011540" y="2991260"/>
                </a:moveTo>
                <a:lnTo>
                  <a:pt x="2011540" y="3014294"/>
                </a:lnTo>
                <a:lnTo>
                  <a:pt x="2034574" y="3014294"/>
                </a:lnTo>
                <a:lnTo>
                  <a:pt x="2034574" y="2991260"/>
                </a:lnTo>
                <a:close/>
                <a:moveTo>
                  <a:pt x="1886743" y="2989556"/>
                </a:moveTo>
                <a:lnTo>
                  <a:pt x="1886743" y="3016034"/>
                </a:lnTo>
                <a:lnTo>
                  <a:pt x="1913221" y="3016034"/>
                </a:lnTo>
                <a:lnTo>
                  <a:pt x="1913221" y="2989556"/>
                </a:lnTo>
                <a:close/>
                <a:moveTo>
                  <a:pt x="1761945" y="2987816"/>
                </a:moveTo>
                <a:lnTo>
                  <a:pt x="1761945" y="3017775"/>
                </a:lnTo>
                <a:lnTo>
                  <a:pt x="1791904" y="3017775"/>
                </a:lnTo>
                <a:lnTo>
                  <a:pt x="1791904" y="2987816"/>
                </a:lnTo>
                <a:close/>
                <a:moveTo>
                  <a:pt x="1637147" y="2986075"/>
                </a:moveTo>
                <a:lnTo>
                  <a:pt x="1637147" y="3019515"/>
                </a:lnTo>
                <a:lnTo>
                  <a:pt x="1670587" y="3019515"/>
                </a:lnTo>
                <a:lnTo>
                  <a:pt x="1670587" y="2986075"/>
                </a:lnTo>
                <a:close/>
                <a:moveTo>
                  <a:pt x="1512349" y="2984335"/>
                </a:moveTo>
                <a:lnTo>
                  <a:pt x="1512349" y="3021256"/>
                </a:lnTo>
                <a:lnTo>
                  <a:pt x="1549270" y="3021256"/>
                </a:lnTo>
                <a:lnTo>
                  <a:pt x="1549270" y="2984335"/>
                </a:lnTo>
                <a:close/>
                <a:moveTo>
                  <a:pt x="1387329" y="2982409"/>
                </a:moveTo>
                <a:lnTo>
                  <a:pt x="1387329" y="3023218"/>
                </a:lnTo>
                <a:lnTo>
                  <a:pt x="1428138" y="3023218"/>
                </a:lnTo>
                <a:lnTo>
                  <a:pt x="1428138" y="2982409"/>
                </a:lnTo>
                <a:close/>
                <a:moveTo>
                  <a:pt x="1262531" y="2980669"/>
                </a:moveTo>
                <a:lnTo>
                  <a:pt x="1262531" y="3024959"/>
                </a:lnTo>
                <a:lnTo>
                  <a:pt x="1306821" y="3024959"/>
                </a:lnTo>
                <a:lnTo>
                  <a:pt x="1306821" y="2980669"/>
                </a:lnTo>
                <a:close/>
                <a:moveTo>
                  <a:pt x="1137956" y="2979150"/>
                </a:moveTo>
                <a:lnTo>
                  <a:pt x="1137956" y="3026477"/>
                </a:lnTo>
                <a:lnTo>
                  <a:pt x="1185283" y="3026477"/>
                </a:lnTo>
                <a:lnTo>
                  <a:pt x="1185283" y="2979150"/>
                </a:lnTo>
                <a:close/>
                <a:moveTo>
                  <a:pt x="1013380" y="2977594"/>
                </a:moveTo>
                <a:lnTo>
                  <a:pt x="1013380" y="3027995"/>
                </a:lnTo>
                <a:lnTo>
                  <a:pt x="1063780" y="3027995"/>
                </a:lnTo>
                <a:lnTo>
                  <a:pt x="1063780" y="2977594"/>
                </a:lnTo>
                <a:close/>
                <a:moveTo>
                  <a:pt x="888767" y="2976077"/>
                </a:moveTo>
                <a:lnTo>
                  <a:pt x="888767" y="3029514"/>
                </a:lnTo>
                <a:lnTo>
                  <a:pt x="942204" y="3029514"/>
                </a:lnTo>
                <a:lnTo>
                  <a:pt x="942204" y="2976077"/>
                </a:lnTo>
                <a:close/>
                <a:moveTo>
                  <a:pt x="764636" y="2975003"/>
                </a:moveTo>
                <a:lnTo>
                  <a:pt x="764636" y="3030588"/>
                </a:lnTo>
                <a:lnTo>
                  <a:pt x="820221" y="3030588"/>
                </a:lnTo>
                <a:lnTo>
                  <a:pt x="820221" y="2975003"/>
                </a:lnTo>
                <a:close/>
                <a:moveTo>
                  <a:pt x="640505" y="2973892"/>
                </a:moveTo>
                <a:lnTo>
                  <a:pt x="640505" y="3031662"/>
                </a:lnTo>
                <a:lnTo>
                  <a:pt x="698275" y="3031662"/>
                </a:lnTo>
                <a:lnTo>
                  <a:pt x="698275" y="2973892"/>
                </a:lnTo>
                <a:close/>
                <a:moveTo>
                  <a:pt x="516559" y="2973040"/>
                </a:moveTo>
                <a:lnTo>
                  <a:pt x="516559" y="3032550"/>
                </a:lnTo>
                <a:lnTo>
                  <a:pt x="576069" y="3032550"/>
                </a:lnTo>
                <a:lnTo>
                  <a:pt x="576069" y="2973040"/>
                </a:lnTo>
                <a:close/>
                <a:moveTo>
                  <a:pt x="392650" y="2972151"/>
                </a:moveTo>
                <a:lnTo>
                  <a:pt x="392650" y="3033402"/>
                </a:lnTo>
                <a:lnTo>
                  <a:pt x="453901" y="3033402"/>
                </a:lnTo>
                <a:lnTo>
                  <a:pt x="453901" y="2972151"/>
                </a:lnTo>
                <a:close/>
                <a:moveTo>
                  <a:pt x="269148" y="2971743"/>
                </a:moveTo>
                <a:lnTo>
                  <a:pt x="269148" y="3033846"/>
                </a:lnTo>
                <a:lnTo>
                  <a:pt x="331251" y="3033846"/>
                </a:lnTo>
                <a:lnTo>
                  <a:pt x="331251" y="2971743"/>
                </a:lnTo>
                <a:close/>
                <a:moveTo>
                  <a:pt x="23033" y="2971743"/>
                </a:moveTo>
                <a:lnTo>
                  <a:pt x="23033" y="3033846"/>
                </a:lnTo>
                <a:lnTo>
                  <a:pt x="85136" y="3033846"/>
                </a:lnTo>
                <a:lnTo>
                  <a:pt x="85136" y="2971743"/>
                </a:lnTo>
                <a:close/>
                <a:moveTo>
                  <a:pt x="145646" y="2971300"/>
                </a:moveTo>
                <a:lnTo>
                  <a:pt x="145646" y="3034291"/>
                </a:lnTo>
                <a:lnTo>
                  <a:pt x="208637" y="3034291"/>
                </a:lnTo>
                <a:lnTo>
                  <a:pt x="208637" y="2971300"/>
                </a:lnTo>
                <a:close/>
                <a:moveTo>
                  <a:pt x="4237904" y="2879497"/>
                </a:moveTo>
                <a:lnTo>
                  <a:pt x="4237904" y="2879941"/>
                </a:lnTo>
                <a:lnTo>
                  <a:pt x="4238348" y="2879941"/>
                </a:lnTo>
                <a:lnTo>
                  <a:pt x="4238348" y="2879497"/>
                </a:lnTo>
                <a:close/>
                <a:moveTo>
                  <a:pt x="4114847" y="2879497"/>
                </a:moveTo>
                <a:lnTo>
                  <a:pt x="4114847" y="2879941"/>
                </a:lnTo>
                <a:lnTo>
                  <a:pt x="4115291" y="2879941"/>
                </a:lnTo>
                <a:lnTo>
                  <a:pt x="4115291" y="2879497"/>
                </a:lnTo>
                <a:close/>
                <a:moveTo>
                  <a:pt x="3991789" y="2879497"/>
                </a:moveTo>
                <a:lnTo>
                  <a:pt x="3991789" y="2879941"/>
                </a:lnTo>
                <a:lnTo>
                  <a:pt x="3992234" y="2879941"/>
                </a:lnTo>
                <a:lnTo>
                  <a:pt x="3992234" y="2879497"/>
                </a:lnTo>
                <a:close/>
                <a:moveTo>
                  <a:pt x="3868732" y="2879497"/>
                </a:moveTo>
                <a:lnTo>
                  <a:pt x="3868732" y="2879941"/>
                </a:lnTo>
                <a:lnTo>
                  <a:pt x="3869176" y="2879941"/>
                </a:lnTo>
                <a:lnTo>
                  <a:pt x="3869176" y="2879497"/>
                </a:lnTo>
                <a:close/>
                <a:moveTo>
                  <a:pt x="3745675" y="2879497"/>
                </a:moveTo>
                <a:lnTo>
                  <a:pt x="3745675" y="2879941"/>
                </a:lnTo>
                <a:lnTo>
                  <a:pt x="3746119" y="2879941"/>
                </a:lnTo>
                <a:lnTo>
                  <a:pt x="3746119" y="2879497"/>
                </a:lnTo>
                <a:close/>
                <a:moveTo>
                  <a:pt x="3622395" y="2879312"/>
                </a:moveTo>
                <a:lnTo>
                  <a:pt x="3622395" y="2880164"/>
                </a:lnTo>
                <a:lnTo>
                  <a:pt x="3623247" y="2880164"/>
                </a:lnTo>
                <a:lnTo>
                  <a:pt x="3623247" y="2879312"/>
                </a:lnTo>
                <a:close/>
                <a:moveTo>
                  <a:pt x="3499338" y="2879312"/>
                </a:moveTo>
                <a:lnTo>
                  <a:pt x="3499338" y="2880164"/>
                </a:lnTo>
                <a:lnTo>
                  <a:pt x="3500190" y="2880164"/>
                </a:lnTo>
                <a:lnTo>
                  <a:pt x="3500190" y="2879312"/>
                </a:lnTo>
                <a:close/>
                <a:moveTo>
                  <a:pt x="3376058" y="2879090"/>
                </a:moveTo>
                <a:lnTo>
                  <a:pt x="3376058" y="2880386"/>
                </a:lnTo>
                <a:lnTo>
                  <a:pt x="3377354" y="2880386"/>
                </a:lnTo>
                <a:lnTo>
                  <a:pt x="3377354" y="2879090"/>
                </a:lnTo>
                <a:close/>
                <a:moveTo>
                  <a:pt x="3252557" y="2878645"/>
                </a:moveTo>
                <a:lnTo>
                  <a:pt x="3252557" y="2880830"/>
                </a:lnTo>
                <a:lnTo>
                  <a:pt x="3254742" y="2880830"/>
                </a:lnTo>
                <a:lnTo>
                  <a:pt x="3254742" y="2878645"/>
                </a:lnTo>
                <a:close/>
                <a:moveTo>
                  <a:pt x="3129055" y="2878201"/>
                </a:moveTo>
                <a:lnTo>
                  <a:pt x="3129055" y="2881238"/>
                </a:lnTo>
                <a:lnTo>
                  <a:pt x="3132092" y="2881238"/>
                </a:lnTo>
                <a:lnTo>
                  <a:pt x="3132092" y="2878201"/>
                </a:lnTo>
                <a:close/>
                <a:moveTo>
                  <a:pt x="3005553" y="2877757"/>
                </a:moveTo>
                <a:lnTo>
                  <a:pt x="3005553" y="2881682"/>
                </a:lnTo>
                <a:lnTo>
                  <a:pt x="3009478" y="2881682"/>
                </a:lnTo>
                <a:lnTo>
                  <a:pt x="3009478" y="2877757"/>
                </a:lnTo>
                <a:close/>
                <a:moveTo>
                  <a:pt x="2881644" y="2876942"/>
                </a:moveTo>
                <a:lnTo>
                  <a:pt x="2881644" y="2882571"/>
                </a:lnTo>
                <a:lnTo>
                  <a:pt x="2887273" y="2882571"/>
                </a:lnTo>
                <a:lnTo>
                  <a:pt x="2887273" y="2876942"/>
                </a:lnTo>
                <a:close/>
                <a:moveTo>
                  <a:pt x="2757698" y="2876053"/>
                </a:moveTo>
                <a:lnTo>
                  <a:pt x="2757698" y="2883422"/>
                </a:lnTo>
                <a:lnTo>
                  <a:pt x="2765067" y="2883422"/>
                </a:lnTo>
                <a:lnTo>
                  <a:pt x="2765067" y="2876053"/>
                </a:lnTo>
                <a:close/>
                <a:moveTo>
                  <a:pt x="2633789" y="2875201"/>
                </a:moveTo>
                <a:lnTo>
                  <a:pt x="2633789" y="2884311"/>
                </a:lnTo>
                <a:lnTo>
                  <a:pt x="2642899" y="2884311"/>
                </a:lnTo>
                <a:lnTo>
                  <a:pt x="2642899" y="2875201"/>
                </a:lnTo>
                <a:close/>
                <a:moveTo>
                  <a:pt x="2509399" y="2873868"/>
                </a:moveTo>
                <a:lnTo>
                  <a:pt x="2509399" y="2885607"/>
                </a:lnTo>
                <a:lnTo>
                  <a:pt x="2521138" y="2885607"/>
                </a:lnTo>
                <a:lnTo>
                  <a:pt x="2521138" y="2873868"/>
                </a:lnTo>
                <a:close/>
                <a:moveTo>
                  <a:pt x="2385045" y="2872572"/>
                </a:moveTo>
                <a:lnTo>
                  <a:pt x="2385045" y="2886903"/>
                </a:lnTo>
                <a:lnTo>
                  <a:pt x="2399376" y="2886903"/>
                </a:lnTo>
                <a:lnTo>
                  <a:pt x="2399376" y="2872572"/>
                </a:lnTo>
                <a:close/>
                <a:moveTo>
                  <a:pt x="2260470" y="2871054"/>
                </a:moveTo>
                <a:lnTo>
                  <a:pt x="2260470" y="2888422"/>
                </a:lnTo>
                <a:lnTo>
                  <a:pt x="2277838" y="2888422"/>
                </a:lnTo>
                <a:lnTo>
                  <a:pt x="2277838" y="2871054"/>
                </a:lnTo>
                <a:close/>
                <a:moveTo>
                  <a:pt x="2135672" y="2869313"/>
                </a:moveTo>
                <a:lnTo>
                  <a:pt x="2135672" y="2890162"/>
                </a:lnTo>
                <a:lnTo>
                  <a:pt x="2156521" y="2890162"/>
                </a:lnTo>
                <a:lnTo>
                  <a:pt x="2156521" y="2869313"/>
                </a:lnTo>
                <a:close/>
                <a:moveTo>
                  <a:pt x="2010874" y="2867573"/>
                </a:moveTo>
                <a:lnTo>
                  <a:pt x="2010874" y="2891903"/>
                </a:lnTo>
                <a:lnTo>
                  <a:pt x="2035204" y="2891903"/>
                </a:lnTo>
                <a:lnTo>
                  <a:pt x="2035204" y="2867573"/>
                </a:lnTo>
                <a:close/>
                <a:moveTo>
                  <a:pt x="1885854" y="2865647"/>
                </a:moveTo>
                <a:lnTo>
                  <a:pt x="1885854" y="2893865"/>
                </a:lnTo>
                <a:lnTo>
                  <a:pt x="1914072" y="2893865"/>
                </a:lnTo>
                <a:lnTo>
                  <a:pt x="1914072" y="2865647"/>
                </a:lnTo>
                <a:close/>
                <a:moveTo>
                  <a:pt x="1760834" y="2863647"/>
                </a:moveTo>
                <a:lnTo>
                  <a:pt x="1760834" y="2895791"/>
                </a:lnTo>
                <a:lnTo>
                  <a:pt x="1792978" y="2895791"/>
                </a:lnTo>
                <a:lnTo>
                  <a:pt x="1792978" y="2863647"/>
                </a:lnTo>
                <a:close/>
                <a:moveTo>
                  <a:pt x="1635814" y="2861722"/>
                </a:moveTo>
                <a:lnTo>
                  <a:pt x="1635814" y="2897754"/>
                </a:lnTo>
                <a:lnTo>
                  <a:pt x="1671846" y="2897754"/>
                </a:lnTo>
                <a:lnTo>
                  <a:pt x="1671846" y="2861722"/>
                </a:lnTo>
                <a:close/>
                <a:moveTo>
                  <a:pt x="1510831" y="2859760"/>
                </a:moveTo>
                <a:lnTo>
                  <a:pt x="1510831" y="2899717"/>
                </a:lnTo>
                <a:lnTo>
                  <a:pt x="1550789" y="2899717"/>
                </a:lnTo>
                <a:lnTo>
                  <a:pt x="1550789" y="2859760"/>
                </a:lnTo>
                <a:close/>
                <a:moveTo>
                  <a:pt x="1385811" y="2857796"/>
                </a:moveTo>
                <a:lnTo>
                  <a:pt x="1385811" y="2901679"/>
                </a:lnTo>
                <a:lnTo>
                  <a:pt x="1429694" y="2901679"/>
                </a:lnTo>
                <a:lnTo>
                  <a:pt x="1429694" y="2857796"/>
                </a:lnTo>
                <a:close/>
                <a:moveTo>
                  <a:pt x="1261013" y="2856093"/>
                </a:moveTo>
                <a:lnTo>
                  <a:pt x="1261013" y="2903420"/>
                </a:lnTo>
                <a:lnTo>
                  <a:pt x="1308340" y="2903420"/>
                </a:lnTo>
                <a:lnTo>
                  <a:pt x="1308340" y="2856093"/>
                </a:lnTo>
                <a:close/>
                <a:moveTo>
                  <a:pt x="1135993" y="2854093"/>
                </a:moveTo>
                <a:lnTo>
                  <a:pt x="1135993" y="2905345"/>
                </a:lnTo>
                <a:lnTo>
                  <a:pt x="1187245" y="2905345"/>
                </a:lnTo>
                <a:lnTo>
                  <a:pt x="1187245" y="2854093"/>
                </a:lnTo>
                <a:close/>
                <a:moveTo>
                  <a:pt x="1011417" y="2852575"/>
                </a:moveTo>
                <a:lnTo>
                  <a:pt x="1011417" y="2906864"/>
                </a:lnTo>
                <a:lnTo>
                  <a:pt x="1065706" y="2906864"/>
                </a:lnTo>
                <a:lnTo>
                  <a:pt x="1065706" y="2852575"/>
                </a:lnTo>
                <a:close/>
                <a:moveTo>
                  <a:pt x="886842" y="2851057"/>
                </a:moveTo>
                <a:lnTo>
                  <a:pt x="886842" y="2908382"/>
                </a:lnTo>
                <a:lnTo>
                  <a:pt x="944168" y="2908382"/>
                </a:lnTo>
                <a:lnTo>
                  <a:pt x="944168" y="2851057"/>
                </a:lnTo>
                <a:close/>
                <a:moveTo>
                  <a:pt x="762266" y="2849538"/>
                </a:moveTo>
                <a:lnTo>
                  <a:pt x="762266" y="2909900"/>
                </a:lnTo>
                <a:lnTo>
                  <a:pt x="822628" y="2909900"/>
                </a:lnTo>
                <a:lnTo>
                  <a:pt x="822628" y="2849538"/>
                </a:lnTo>
                <a:close/>
                <a:moveTo>
                  <a:pt x="638098" y="2848464"/>
                </a:moveTo>
                <a:lnTo>
                  <a:pt x="638098" y="2911011"/>
                </a:lnTo>
                <a:lnTo>
                  <a:pt x="700645" y="2911011"/>
                </a:lnTo>
                <a:lnTo>
                  <a:pt x="700645" y="2848464"/>
                </a:lnTo>
                <a:close/>
                <a:moveTo>
                  <a:pt x="513967" y="2847353"/>
                </a:moveTo>
                <a:lnTo>
                  <a:pt x="513967" y="2912085"/>
                </a:lnTo>
                <a:lnTo>
                  <a:pt x="578699" y="2912085"/>
                </a:lnTo>
                <a:lnTo>
                  <a:pt x="578699" y="2847353"/>
                </a:lnTo>
                <a:close/>
                <a:moveTo>
                  <a:pt x="390243" y="2846724"/>
                </a:moveTo>
                <a:lnTo>
                  <a:pt x="390243" y="2912752"/>
                </a:lnTo>
                <a:lnTo>
                  <a:pt x="456271" y="2912752"/>
                </a:lnTo>
                <a:lnTo>
                  <a:pt x="456271" y="2846724"/>
                </a:lnTo>
                <a:close/>
                <a:moveTo>
                  <a:pt x="20626" y="2846279"/>
                </a:moveTo>
                <a:lnTo>
                  <a:pt x="20626" y="2913159"/>
                </a:lnTo>
                <a:lnTo>
                  <a:pt x="87506" y="2913159"/>
                </a:lnTo>
                <a:lnTo>
                  <a:pt x="87506" y="2846279"/>
                </a:lnTo>
                <a:close/>
                <a:moveTo>
                  <a:pt x="266519" y="2846057"/>
                </a:moveTo>
                <a:lnTo>
                  <a:pt x="266519" y="2913381"/>
                </a:lnTo>
                <a:lnTo>
                  <a:pt x="333843" y="2913381"/>
                </a:lnTo>
                <a:lnTo>
                  <a:pt x="333843" y="2846057"/>
                </a:lnTo>
                <a:close/>
                <a:moveTo>
                  <a:pt x="143054" y="2845650"/>
                </a:moveTo>
                <a:lnTo>
                  <a:pt x="143054" y="2913826"/>
                </a:lnTo>
                <a:lnTo>
                  <a:pt x="211230" y="2913826"/>
                </a:lnTo>
                <a:lnTo>
                  <a:pt x="211230" y="2845650"/>
                </a:lnTo>
                <a:close/>
                <a:moveTo>
                  <a:pt x="4237904" y="2756440"/>
                </a:moveTo>
                <a:lnTo>
                  <a:pt x="4237904" y="2756884"/>
                </a:lnTo>
                <a:lnTo>
                  <a:pt x="4238348" y="2756884"/>
                </a:lnTo>
                <a:lnTo>
                  <a:pt x="4238348" y="2756440"/>
                </a:lnTo>
                <a:close/>
                <a:moveTo>
                  <a:pt x="4114847" y="2756440"/>
                </a:moveTo>
                <a:lnTo>
                  <a:pt x="4114847" y="2756884"/>
                </a:lnTo>
                <a:lnTo>
                  <a:pt x="4115291" y="2756884"/>
                </a:lnTo>
                <a:lnTo>
                  <a:pt x="4115291" y="2756440"/>
                </a:lnTo>
                <a:close/>
                <a:moveTo>
                  <a:pt x="3991789" y="2756440"/>
                </a:moveTo>
                <a:lnTo>
                  <a:pt x="3991789" y="2756884"/>
                </a:lnTo>
                <a:lnTo>
                  <a:pt x="3992234" y="2756884"/>
                </a:lnTo>
                <a:lnTo>
                  <a:pt x="3992234" y="2756440"/>
                </a:lnTo>
                <a:close/>
                <a:moveTo>
                  <a:pt x="3868732" y="2756440"/>
                </a:moveTo>
                <a:lnTo>
                  <a:pt x="3868732" y="2756884"/>
                </a:lnTo>
                <a:lnTo>
                  <a:pt x="3869176" y="2756884"/>
                </a:lnTo>
                <a:lnTo>
                  <a:pt x="3869176" y="2756440"/>
                </a:lnTo>
                <a:close/>
                <a:moveTo>
                  <a:pt x="3745675" y="2756440"/>
                </a:moveTo>
                <a:lnTo>
                  <a:pt x="3745675" y="2756884"/>
                </a:lnTo>
                <a:lnTo>
                  <a:pt x="3746119" y="2756884"/>
                </a:lnTo>
                <a:lnTo>
                  <a:pt x="3746119" y="2756440"/>
                </a:lnTo>
                <a:close/>
                <a:moveTo>
                  <a:pt x="3622617" y="2756440"/>
                </a:moveTo>
                <a:lnTo>
                  <a:pt x="3622617" y="2756884"/>
                </a:lnTo>
                <a:lnTo>
                  <a:pt x="3623061" y="2756884"/>
                </a:lnTo>
                <a:lnTo>
                  <a:pt x="3623061" y="2756440"/>
                </a:lnTo>
                <a:close/>
                <a:moveTo>
                  <a:pt x="3499338" y="2756254"/>
                </a:moveTo>
                <a:lnTo>
                  <a:pt x="3499338" y="2757106"/>
                </a:lnTo>
                <a:lnTo>
                  <a:pt x="3500190" y="2757106"/>
                </a:lnTo>
                <a:lnTo>
                  <a:pt x="3500190" y="2756254"/>
                </a:lnTo>
                <a:close/>
                <a:moveTo>
                  <a:pt x="3376058" y="2756032"/>
                </a:moveTo>
                <a:lnTo>
                  <a:pt x="3376058" y="2757328"/>
                </a:lnTo>
                <a:lnTo>
                  <a:pt x="3377354" y="2757328"/>
                </a:lnTo>
                <a:lnTo>
                  <a:pt x="3377354" y="2756032"/>
                </a:lnTo>
                <a:close/>
                <a:moveTo>
                  <a:pt x="3252779" y="2755811"/>
                </a:moveTo>
                <a:lnTo>
                  <a:pt x="3252779" y="2757551"/>
                </a:lnTo>
                <a:lnTo>
                  <a:pt x="3254519" y="2757551"/>
                </a:lnTo>
                <a:lnTo>
                  <a:pt x="3254519" y="2755811"/>
                </a:lnTo>
                <a:close/>
                <a:moveTo>
                  <a:pt x="3129277" y="2755366"/>
                </a:moveTo>
                <a:lnTo>
                  <a:pt x="3129277" y="2757958"/>
                </a:lnTo>
                <a:lnTo>
                  <a:pt x="3131869" y="2757958"/>
                </a:lnTo>
                <a:lnTo>
                  <a:pt x="3131869" y="2755366"/>
                </a:lnTo>
                <a:close/>
                <a:moveTo>
                  <a:pt x="3005553" y="2754700"/>
                </a:moveTo>
                <a:lnTo>
                  <a:pt x="3005553" y="2758625"/>
                </a:lnTo>
                <a:lnTo>
                  <a:pt x="3009478" y="2758625"/>
                </a:lnTo>
                <a:lnTo>
                  <a:pt x="3009478" y="2754700"/>
                </a:lnTo>
                <a:close/>
                <a:moveTo>
                  <a:pt x="2881866" y="2754070"/>
                </a:moveTo>
                <a:lnTo>
                  <a:pt x="2881866" y="2759291"/>
                </a:lnTo>
                <a:lnTo>
                  <a:pt x="2887087" y="2759291"/>
                </a:lnTo>
                <a:lnTo>
                  <a:pt x="2887087" y="2754070"/>
                </a:lnTo>
                <a:close/>
                <a:moveTo>
                  <a:pt x="2757920" y="2753181"/>
                </a:moveTo>
                <a:lnTo>
                  <a:pt x="2757920" y="2760143"/>
                </a:lnTo>
                <a:lnTo>
                  <a:pt x="2764882" y="2760143"/>
                </a:lnTo>
                <a:lnTo>
                  <a:pt x="2764882" y="2753181"/>
                </a:lnTo>
                <a:close/>
                <a:moveTo>
                  <a:pt x="2633789" y="2752107"/>
                </a:moveTo>
                <a:lnTo>
                  <a:pt x="2633789" y="2761217"/>
                </a:lnTo>
                <a:lnTo>
                  <a:pt x="2642899" y="2761217"/>
                </a:lnTo>
                <a:lnTo>
                  <a:pt x="2642899" y="2752107"/>
                </a:lnTo>
                <a:close/>
                <a:moveTo>
                  <a:pt x="2509399" y="2750811"/>
                </a:moveTo>
                <a:lnTo>
                  <a:pt x="2509399" y="2762550"/>
                </a:lnTo>
                <a:lnTo>
                  <a:pt x="2521138" y="2762550"/>
                </a:lnTo>
                <a:lnTo>
                  <a:pt x="2521138" y="2750811"/>
                </a:lnTo>
                <a:close/>
                <a:moveTo>
                  <a:pt x="2384823" y="2749292"/>
                </a:moveTo>
                <a:lnTo>
                  <a:pt x="2384823" y="2764068"/>
                </a:lnTo>
                <a:lnTo>
                  <a:pt x="2399599" y="2764068"/>
                </a:lnTo>
                <a:lnTo>
                  <a:pt x="2399599" y="2749292"/>
                </a:lnTo>
                <a:close/>
                <a:moveTo>
                  <a:pt x="2260247" y="2747775"/>
                </a:moveTo>
                <a:lnTo>
                  <a:pt x="2260247" y="2765587"/>
                </a:lnTo>
                <a:lnTo>
                  <a:pt x="2278059" y="2765587"/>
                </a:lnTo>
                <a:lnTo>
                  <a:pt x="2278059" y="2747775"/>
                </a:lnTo>
                <a:close/>
                <a:moveTo>
                  <a:pt x="2135227" y="2745848"/>
                </a:moveTo>
                <a:lnTo>
                  <a:pt x="2135227" y="2767549"/>
                </a:lnTo>
                <a:lnTo>
                  <a:pt x="2156928" y="2767549"/>
                </a:lnTo>
                <a:lnTo>
                  <a:pt x="2156928" y="2745848"/>
                </a:lnTo>
                <a:close/>
                <a:moveTo>
                  <a:pt x="2010207" y="2743849"/>
                </a:moveTo>
                <a:lnTo>
                  <a:pt x="2010207" y="2769475"/>
                </a:lnTo>
                <a:lnTo>
                  <a:pt x="2035833" y="2769475"/>
                </a:lnTo>
                <a:lnTo>
                  <a:pt x="2035833" y="2743849"/>
                </a:lnTo>
                <a:close/>
                <a:moveTo>
                  <a:pt x="1885224" y="2741887"/>
                </a:moveTo>
                <a:lnTo>
                  <a:pt x="1885224" y="2771438"/>
                </a:lnTo>
                <a:lnTo>
                  <a:pt x="1914776" y="2771438"/>
                </a:lnTo>
                <a:lnTo>
                  <a:pt x="1914776" y="2741887"/>
                </a:lnTo>
                <a:close/>
                <a:moveTo>
                  <a:pt x="1759760" y="2739516"/>
                </a:moveTo>
                <a:lnTo>
                  <a:pt x="1759760" y="2773845"/>
                </a:lnTo>
                <a:lnTo>
                  <a:pt x="1794089" y="2773845"/>
                </a:lnTo>
                <a:lnTo>
                  <a:pt x="1794089" y="2739516"/>
                </a:lnTo>
                <a:close/>
                <a:moveTo>
                  <a:pt x="1634740" y="2737553"/>
                </a:moveTo>
                <a:lnTo>
                  <a:pt x="1634740" y="2775770"/>
                </a:lnTo>
                <a:lnTo>
                  <a:pt x="1672957" y="2775770"/>
                </a:lnTo>
                <a:lnTo>
                  <a:pt x="1672957" y="2737553"/>
                </a:lnTo>
                <a:close/>
                <a:moveTo>
                  <a:pt x="1509498" y="2735406"/>
                </a:moveTo>
                <a:lnTo>
                  <a:pt x="1509498" y="2777955"/>
                </a:lnTo>
                <a:lnTo>
                  <a:pt x="1552048" y="2777955"/>
                </a:lnTo>
                <a:lnTo>
                  <a:pt x="1552048" y="2735406"/>
                </a:lnTo>
                <a:close/>
                <a:moveTo>
                  <a:pt x="1384293" y="2733220"/>
                </a:moveTo>
                <a:lnTo>
                  <a:pt x="1384293" y="2780140"/>
                </a:lnTo>
                <a:lnTo>
                  <a:pt x="1431213" y="2780140"/>
                </a:lnTo>
                <a:lnTo>
                  <a:pt x="1431213" y="2733220"/>
                </a:lnTo>
                <a:close/>
                <a:moveTo>
                  <a:pt x="1259050" y="2731036"/>
                </a:moveTo>
                <a:lnTo>
                  <a:pt x="1259050" y="2782288"/>
                </a:lnTo>
                <a:lnTo>
                  <a:pt x="1310302" y="2782288"/>
                </a:lnTo>
                <a:lnTo>
                  <a:pt x="1310302" y="2731036"/>
                </a:lnTo>
                <a:close/>
                <a:moveTo>
                  <a:pt x="1134030" y="2729073"/>
                </a:moveTo>
                <a:lnTo>
                  <a:pt x="1134030" y="2784251"/>
                </a:lnTo>
                <a:lnTo>
                  <a:pt x="1189208" y="2784251"/>
                </a:lnTo>
                <a:lnTo>
                  <a:pt x="1189208" y="2729073"/>
                </a:lnTo>
                <a:close/>
                <a:moveTo>
                  <a:pt x="1009232" y="2727369"/>
                </a:moveTo>
                <a:lnTo>
                  <a:pt x="1009232" y="2785991"/>
                </a:lnTo>
                <a:lnTo>
                  <a:pt x="1067854" y="2785991"/>
                </a:lnTo>
                <a:lnTo>
                  <a:pt x="1067854" y="2727369"/>
                </a:lnTo>
                <a:close/>
                <a:moveTo>
                  <a:pt x="884657" y="2725852"/>
                </a:moveTo>
                <a:lnTo>
                  <a:pt x="884657" y="2787510"/>
                </a:lnTo>
                <a:lnTo>
                  <a:pt x="946315" y="2787510"/>
                </a:lnTo>
                <a:lnTo>
                  <a:pt x="946315" y="2725852"/>
                </a:lnTo>
                <a:close/>
                <a:moveTo>
                  <a:pt x="760081" y="2724296"/>
                </a:moveTo>
                <a:lnTo>
                  <a:pt x="760081" y="2789028"/>
                </a:lnTo>
                <a:lnTo>
                  <a:pt x="824813" y="2789028"/>
                </a:lnTo>
                <a:lnTo>
                  <a:pt x="824813" y="2724296"/>
                </a:lnTo>
                <a:close/>
                <a:moveTo>
                  <a:pt x="635728" y="2723000"/>
                </a:moveTo>
                <a:lnTo>
                  <a:pt x="635728" y="2790324"/>
                </a:lnTo>
                <a:lnTo>
                  <a:pt x="703052" y="2790324"/>
                </a:lnTo>
                <a:lnTo>
                  <a:pt x="703052" y="2723000"/>
                </a:lnTo>
                <a:close/>
                <a:moveTo>
                  <a:pt x="511559" y="2721926"/>
                </a:moveTo>
                <a:lnTo>
                  <a:pt x="511559" y="2791435"/>
                </a:lnTo>
                <a:lnTo>
                  <a:pt x="581068" y="2791435"/>
                </a:lnTo>
                <a:lnTo>
                  <a:pt x="581068" y="2721926"/>
                </a:lnTo>
                <a:close/>
                <a:moveTo>
                  <a:pt x="387650" y="2721075"/>
                </a:moveTo>
                <a:lnTo>
                  <a:pt x="387650" y="2792287"/>
                </a:lnTo>
                <a:lnTo>
                  <a:pt x="458863" y="2792287"/>
                </a:lnTo>
                <a:lnTo>
                  <a:pt x="458863" y="2721075"/>
                </a:lnTo>
                <a:close/>
                <a:moveTo>
                  <a:pt x="18034" y="2720630"/>
                </a:moveTo>
                <a:lnTo>
                  <a:pt x="18034" y="2792731"/>
                </a:lnTo>
                <a:lnTo>
                  <a:pt x="90135" y="2792731"/>
                </a:lnTo>
                <a:lnTo>
                  <a:pt x="90135" y="2720630"/>
                </a:lnTo>
                <a:close/>
                <a:moveTo>
                  <a:pt x="263927" y="2720407"/>
                </a:moveTo>
                <a:lnTo>
                  <a:pt x="263927" y="2792953"/>
                </a:lnTo>
                <a:lnTo>
                  <a:pt x="336473" y="2792953"/>
                </a:lnTo>
                <a:lnTo>
                  <a:pt x="336473" y="2720407"/>
                </a:lnTo>
                <a:close/>
                <a:moveTo>
                  <a:pt x="140425" y="2719964"/>
                </a:moveTo>
                <a:lnTo>
                  <a:pt x="140425" y="2793361"/>
                </a:lnTo>
                <a:lnTo>
                  <a:pt x="213822" y="2793361"/>
                </a:lnTo>
                <a:lnTo>
                  <a:pt x="213822" y="2719964"/>
                </a:lnTo>
                <a:close/>
                <a:moveTo>
                  <a:pt x="4114847" y="2633383"/>
                </a:moveTo>
                <a:lnTo>
                  <a:pt x="4114847" y="2633827"/>
                </a:lnTo>
                <a:lnTo>
                  <a:pt x="4115291" y="2633827"/>
                </a:lnTo>
                <a:lnTo>
                  <a:pt x="4115291" y="2633383"/>
                </a:lnTo>
                <a:close/>
                <a:moveTo>
                  <a:pt x="3991789" y="2633383"/>
                </a:moveTo>
                <a:lnTo>
                  <a:pt x="3991789" y="2633827"/>
                </a:lnTo>
                <a:lnTo>
                  <a:pt x="3992234" y="2633827"/>
                </a:lnTo>
                <a:lnTo>
                  <a:pt x="3992234" y="2633383"/>
                </a:lnTo>
                <a:close/>
                <a:moveTo>
                  <a:pt x="3868732" y="2633383"/>
                </a:moveTo>
                <a:lnTo>
                  <a:pt x="3868732" y="2633827"/>
                </a:lnTo>
                <a:lnTo>
                  <a:pt x="3869176" y="2633827"/>
                </a:lnTo>
                <a:lnTo>
                  <a:pt x="3869176" y="2633383"/>
                </a:lnTo>
                <a:close/>
                <a:moveTo>
                  <a:pt x="3745675" y="2633383"/>
                </a:moveTo>
                <a:lnTo>
                  <a:pt x="3745675" y="2633827"/>
                </a:lnTo>
                <a:lnTo>
                  <a:pt x="3746119" y="2633827"/>
                </a:lnTo>
                <a:lnTo>
                  <a:pt x="3746119" y="2633383"/>
                </a:lnTo>
                <a:close/>
                <a:moveTo>
                  <a:pt x="3622617" y="2633383"/>
                </a:moveTo>
                <a:lnTo>
                  <a:pt x="3622617" y="2633827"/>
                </a:lnTo>
                <a:lnTo>
                  <a:pt x="3623061" y="2633827"/>
                </a:lnTo>
                <a:lnTo>
                  <a:pt x="3623061" y="2633383"/>
                </a:lnTo>
                <a:close/>
                <a:moveTo>
                  <a:pt x="3499338" y="2633197"/>
                </a:moveTo>
                <a:lnTo>
                  <a:pt x="3499338" y="2634049"/>
                </a:lnTo>
                <a:lnTo>
                  <a:pt x="3500190" y="2634049"/>
                </a:lnTo>
                <a:lnTo>
                  <a:pt x="3500190" y="2633197"/>
                </a:lnTo>
                <a:close/>
                <a:moveTo>
                  <a:pt x="3376058" y="2632976"/>
                </a:moveTo>
                <a:lnTo>
                  <a:pt x="3376058" y="2634271"/>
                </a:lnTo>
                <a:lnTo>
                  <a:pt x="3377354" y="2634271"/>
                </a:lnTo>
                <a:lnTo>
                  <a:pt x="3377354" y="2632976"/>
                </a:lnTo>
                <a:close/>
                <a:moveTo>
                  <a:pt x="3252779" y="2632753"/>
                </a:moveTo>
                <a:lnTo>
                  <a:pt x="3252779" y="2634494"/>
                </a:lnTo>
                <a:lnTo>
                  <a:pt x="3254519" y="2634494"/>
                </a:lnTo>
                <a:lnTo>
                  <a:pt x="3254519" y="2632753"/>
                </a:lnTo>
                <a:close/>
                <a:moveTo>
                  <a:pt x="3129277" y="2632309"/>
                </a:moveTo>
                <a:lnTo>
                  <a:pt x="3129277" y="2634901"/>
                </a:lnTo>
                <a:lnTo>
                  <a:pt x="3131869" y="2634901"/>
                </a:lnTo>
                <a:lnTo>
                  <a:pt x="3131869" y="2632309"/>
                </a:lnTo>
                <a:close/>
                <a:moveTo>
                  <a:pt x="3005776" y="2631865"/>
                </a:moveTo>
                <a:lnTo>
                  <a:pt x="3005776" y="2635345"/>
                </a:lnTo>
                <a:lnTo>
                  <a:pt x="3009257" y="2635345"/>
                </a:lnTo>
                <a:lnTo>
                  <a:pt x="3009257" y="2631865"/>
                </a:lnTo>
                <a:close/>
                <a:moveTo>
                  <a:pt x="2882052" y="2631235"/>
                </a:moveTo>
                <a:lnTo>
                  <a:pt x="2882052" y="2636012"/>
                </a:lnTo>
                <a:lnTo>
                  <a:pt x="2886829" y="2636012"/>
                </a:lnTo>
                <a:lnTo>
                  <a:pt x="2886829" y="2631235"/>
                </a:lnTo>
                <a:close/>
                <a:moveTo>
                  <a:pt x="2757920" y="2630125"/>
                </a:moveTo>
                <a:lnTo>
                  <a:pt x="2757920" y="2637086"/>
                </a:lnTo>
                <a:lnTo>
                  <a:pt x="2764882" y="2637086"/>
                </a:lnTo>
                <a:lnTo>
                  <a:pt x="2764882" y="2630125"/>
                </a:lnTo>
                <a:close/>
                <a:moveTo>
                  <a:pt x="2633789" y="2629050"/>
                </a:moveTo>
                <a:lnTo>
                  <a:pt x="2633789" y="2638159"/>
                </a:lnTo>
                <a:lnTo>
                  <a:pt x="2642899" y="2638159"/>
                </a:lnTo>
                <a:lnTo>
                  <a:pt x="2642899" y="2629050"/>
                </a:lnTo>
                <a:close/>
                <a:moveTo>
                  <a:pt x="2509399" y="2627754"/>
                </a:moveTo>
                <a:lnTo>
                  <a:pt x="2509399" y="2639493"/>
                </a:lnTo>
                <a:lnTo>
                  <a:pt x="2521138" y="2639493"/>
                </a:lnTo>
                <a:lnTo>
                  <a:pt x="2521138" y="2627754"/>
                </a:lnTo>
                <a:close/>
                <a:moveTo>
                  <a:pt x="2384823" y="2626236"/>
                </a:moveTo>
                <a:lnTo>
                  <a:pt x="2384823" y="2641011"/>
                </a:lnTo>
                <a:lnTo>
                  <a:pt x="2399599" y="2641011"/>
                </a:lnTo>
                <a:lnTo>
                  <a:pt x="2399599" y="2626236"/>
                </a:lnTo>
                <a:close/>
                <a:moveTo>
                  <a:pt x="2260025" y="2624494"/>
                </a:moveTo>
                <a:lnTo>
                  <a:pt x="2260025" y="2642751"/>
                </a:lnTo>
                <a:lnTo>
                  <a:pt x="2278282" y="2642751"/>
                </a:lnTo>
                <a:lnTo>
                  <a:pt x="2278282" y="2624494"/>
                </a:lnTo>
                <a:close/>
                <a:moveTo>
                  <a:pt x="2135005" y="2622532"/>
                </a:moveTo>
                <a:lnTo>
                  <a:pt x="2135005" y="2644677"/>
                </a:lnTo>
                <a:lnTo>
                  <a:pt x="2157150" y="2644677"/>
                </a:lnTo>
                <a:lnTo>
                  <a:pt x="2157150" y="2622532"/>
                </a:lnTo>
                <a:close/>
                <a:moveTo>
                  <a:pt x="2009800" y="2620384"/>
                </a:moveTo>
                <a:lnTo>
                  <a:pt x="2009800" y="2646862"/>
                </a:lnTo>
                <a:lnTo>
                  <a:pt x="2036278" y="2646862"/>
                </a:lnTo>
                <a:lnTo>
                  <a:pt x="2036278" y="2620384"/>
                </a:lnTo>
                <a:close/>
                <a:moveTo>
                  <a:pt x="1884336" y="2617977"/>
                </a:moveTo>
                <a:lnTo>
                  <a:pt x="1884336" y="2649232"/>
                </a:lnTo>
                <a:lnTo>
                  <a:pt x="1915591" y="2649232"/>
                </a:lnTo>
                <a:lnTo>
                  <a:pt x="1915591" y="2617977"/>
                </a:lnTo>
                <a:close/>
                <a:moveTo>
                  <a:pt x="1758908" y="2615607"/>
                </a:moveTo>
                <a:lnTo>
                  <a:pt x="1758908" y="2651639"/>
                </a:lnTo>
                <a:lnTo>
                  <a:pt x="1794940" y="2651639"/>
                </a:lnTo>
                <a:lnTo>
                  <a:pt x="1794940" y="2615607"/>
                </a:lnTo>
                <a:close/>
                <a:moveTo>
                  <a:pt x="1633444" y="2613200"/>
                </a:moveTo>
                <a:lnTo>
                  <a:pt x="1633444" y="2654009"/>
                </a:lnTo>
                <a:lnTo>
                  <a:pt x="1674253" y="2654009"/>
                </a:lnTo>
                <a:lnTo>
                  <a:pt x="1674253" y="2613200"/>
                </a:lnTo>
                <a:close/>
                <a:moveTo>
                  <a:pt x="1507979" y="2610830"/>
                </a:moveTo>
                <a:lnTo>
                  <a:pt x="1507979" y="2656416"/>
                </a:lnTo>
                <a:lnTo>
                  <a:pt x="1553565" y="2656416"/>
                </a:lnTo>
                <a:lnTo>
                  <a:pt x="1553565" y="2610830"/>
                </a:lnTo>
                <a:close/>
                <a:moveTo>
                  <a:pt x="1382774" y="2608645"/>
                </a:moveTo>
                <a:lnTo>
                  <a:pt x="1382774" y="2658601"/>
                </a:lnTo>
                <a:lnTo>
                  <a:pt x="1432730" y="2658601"/>
                </a:lnTo>
                <a:lnTo>
                  <a:pt x="1432730" y="2608645"/>
                </a:lnTo>
                <a:close/>
                <a:moveTo>
                  <a:pt x="1257532" y="2606460"/>
                </a:moveTo>
                <a:lnTo>
                  <a:pt x="1257532" y="2660749"/>
                </a:lnTo>
                <a:lnTo>
                  <a:pt x="1311821" y="2660749"/>
                </a:lnTo>
                <a:lnTo>
                  <a:pt x="1311821" y="2606460"/>
                </a:lnTo>
                <a:close/>
                <a:moveTo>
                  <a:pt x="1132290" y="2604312"/>
                </a:moveTo>
                <a:lnTo>
                  <a:pt x="1132290" y="2662934"/>
                </a:lnTo>
                <a:lnTo>
                  <a:pt x="1190912" y="2662934"/>
                </a:lnTo>
                <a:lnTo>
                  <a:pt x="1190912" y="2604312"/>
                </a:lnTo>
                <a:close/>
                <a:moveTo>
                  <a:pt x="1007270" y="2602350"/>
                </a:moveTo>
                <a:lnTo>
                  <a:pt x="1007270" y="2664897"/>
                </a:lnTo>
                <a:lnTo>
                  <a:pt x="1069817" y="2664897"/>
                </a:lnTo>
                <a:lnTo>
                  <a:pt x="1069817" y="2602350"/>
                </a:lnTo>
                <a:close/>
                <a:moveTo>
                  <a:pt x="882472" y="2600609"/>
                </a:moveTo>
                <a:lnTo>
                  <a:pt x="882472" y="2666637"/>
                </a:lnTo>
                <a:lnTo>
                  <a:pt x="948500" y="2666637"/>
                </a:lnTo>
                <a:lnTo>
                  <a:pt x="948500" y="2600609"/>
                </a:lnTo>
                <a:close/>
                <a:moveTo>
                  <a:pt x="757674" y="2598832"/>
                </a:moveTo>
                <a:lnTo>
                  <a:pt x="757674" y="2668341"/>
                </a:lnTo>
                <a:lnTo>
                  <a:pt x="827183" y="2668341"/>
                </a:lnTo>
                <a:lnTo>
                  <a:pt x="827183" y="2598832"/>
                </a:lnTo>
                <a:close/>
                <a:moveTo>
                  <a:pt x="633321" y="2597573"/>
                </a:moveTo>
                <a:lnTo>
                  <a:pt x="633321" y="2669674"/>
                </a:lnTo>
                <a:lnTo>
                  <a:pt x="705422" y="2669674"/>
                </a:lnTo>
                <a:lnTo>
                  <a:pt x="705422" y="2597573"/>
                </a:lnTo>
                <a:close/>
                <a:moveTo>
                  <a:pt x="509189" y="2596462"/>
                </a:moveTo>
                <a:lnTo>
                  <a:pt x="509189" y="2670748"/>
                </a:lnTo>
                <a:lnTo>
                  <a:pt x="583475" y="2670748"/>
                </a:lnTo>
                <a:lnTo>
                  <a:pt x="583475" y="2596462"/>
                </a:lnTo>
                <a:close/>
                <a:moveTo>
                  <a:pt x="385243" y="2595609"/>
                </a:moveTo>
                <a:lnTo>
                  <a:pt x="385243" y="2671599"/>
                </a:lnTo>
                <a:lnTo>
                  <a:pt x="461233" y="2671599"/>
                </a:lnTo>
                <a:lnTo>
                  <a:pt x="461233" y="2595609"/>
                </a:lnTo>
                <a:close/>
                <a:moveTo>
                  <a:pt x="15627" y="2595165"/>
                </a:moveTo>
                <a:lnTo>
                  <a:pt x="15627" y="2672044"/>
                </a:lnTo>
                <a:lnTo>
                  <a:pt x="92505" y="2672044"/>
                </a:lnTo>
                <a:lnTo>
                  <a:pt x="92505" y="2595165"/>
                </a:lnTo>
                <a:close/>
                <a:moveTo>
                  <a:pt x="261556" y="2594943"/>
                </a:moveTo>
                <a:lnTo>
                  <a:pt x="261556" y="2672266"/>
                </a:lnTo>
                <a:lnTo>
                  <a:pt x="338879" y="2672266"/>
                </a:lnTo>
                <a:lnTo>
                  <a:pt x="338879" y="2594943"/>
                </a:lnTo>
                <a:close/>
                <a:moveTo>
                  <a:pt x="137833" y="2594314"/>
                </a:moveTo>
                <a:lnTo>
                  <a:pt x="137833" y="2672933"/>
                </a:lnTo>
                <a:lnTo>
                  <a:pt x="216452" y="2672933"/>
                </a:lnTo>
                <a:lnTo>
                  <a:pt x="216452" y="2594314"/>
                </a:lnTo>
                <a:close/>
                <a:moveTo>
                  <a:pt x="3991789" y="2510325"/>
                </a:moveTo>
                <a:lnTo>
                  <a:pt x="3991789" y="2510770"/>
                </a:lnTo>
                <a:lnTo>
                  <a:pt x="3992234" y="2510770"/>
                </a:lnTo>
                <a:lnTo>
                  <a:pt x="3992234" y="2510325"/>
                </a:lnTo>
                <a:close/>
                <a:moveTo>
                  <a:pt x="3868732" y="2510325"/>
                </a:moveTo>
                <a:lnTo>
                  <a:pt x="3868732" y="2510770"/>
                </a:lnTo>
                <a:lnTo>
                  <a:pt x="3869176" y="2510770"/>
                </a:lnTo>
                <a:lnTo>
                  <a:pt x="3869176" y="2510325"/>
                </a:lnTo>
                <a:close/>
                <a:moveTo>
                  <a:pt x="3745675" y="2510325"/>
                </a:moveTo>
                <a:lnTo>
                  <a:pt x="3745675" y="2510770"/>
                </a:lnTo>
                <a:lnTo>
                  <a:pt x="3746119" y="2510770"/>
                </a:lnTo>
                <a:lnTo>
                  <a:pt x="3746119" y="2510325"/>
                </a:lnTo>
                <a:close/>
                <a:moveTo>
                  <a:pt x="3622617" y="2510325"/>
                </a:moveTo>
                <a:lnTo>
                  <a:pt x="3622617" y="2510770"/>
                </a:lnTo>
                <a:lnTo>
                  <a:pt x="3623061" y="2510770"/>
                </a:lnTo>
                <a:lnTo>
                  <a:pt x="3623061" y="2510325"/>
                </a:lnTo>
                <a:close/>
                <a:moveTo>
                  <a:pt x="3499523" y="2510325"/>
                </a:moveTo>
                <a:lnTo>
                  <a:pt x="3499523" y="2510770"/>
                </a:lnTo>
                <a:lnTo>
                  <a:pt x="3499967" y="2510770"/>
                </a:lnTo>
                <a:lnTo>
                  <a:pt x="3499967" y="2510325"/>
                </a:lnTo>
                <a:close/>
                <a:moveTo>
                  <a:pt x="3376281" y="2510140"/>
                </a:moveTo>
                <a:lnTo>
                  <a:pt x="3376281" y="2510993"/>
                </a:lnTo>
                <a:lnTo>
                  <a:pt x="3377133" y="2510993"/>
                </a:lnTo>
                <a:lnTo>
                  <a:pt x="3377133" y="2510140"/>
                </a:lnTo>
                <a:close/>
                <a:moveTo>
                  <a:pt x="3253001" y="2509919"/>
                </a:moveTo>
                <a:lnTo>
                  <a:pt x="3253001" y="2511214"/>
                </a:lnTo>
                <a:lnTo>
                  <a:pt x="3254297" y="2511214"/>
                </a:lnTo>
                <a:lnTo>
                  <a:pt x="3254297" y="2509919"/>
                </a:lnTo>
                <a:close/>
                <a:moveTo>
                  <a:pt x="3129499" y="2509436"/>
                </a:moveTo>
                <a:lnTo>
                  <a:pt x="3129499" y="2511621"/>
                </a:lnTo>
                <a:lnTo>
                  <a:pt x="3131684" y="2511621"/>
                </a:lnTo>
                <a:lnTo>
                  <a:pt x="3131684" y="2509436"/>
                </a:lnTo>
                <a:close/>
                <a:moveTo>
                  <a:pt x="3005998" y="2509028"/>
                </a:moveTo>
                <a:lnTo>
                  <a:pt x="3005998" y="2512066"/>
                </a:lnTo>
                <a:lnTo>
                  <a:pt x="3009035" y="2512066"/>
                </a:lnTo>
                <a:lnTo>
                  <a:pt x="3009035" y="2509028"/>
                </a:lnTo>
                <a:close/>
                <a:moveTo>
                  <a:pt x="2882274" y="2508399"/>
                </a:moveTo>
                <a:lnTo>
                  <a:pt x="2882274" y="2512733"/>
                </a:lnTo>
                <a:lnTo>
                  <a:pt x="2886607" y="2512733"/>
                </a:lnTo>
                <a:lnTo>
                  <a:pt x="2886607" y="2508399"/>
                </a:lnTo>
                <a:close/>
                <a:moveTo>
                  <a:pt x="2758143" y="2507288"/>
                </a:moveTo>
                <a:lnTo>
                  <a:pt x="2758143" y="2513806"/>
                </a:lnTo>
                <a:lnTo>
                  <a:pt x="2764661" y="2513806"/>
                </a:lnTo>
                <a:lnTo>
                  <a:pt x="2764661" y="2507288"/>
                </a:lnTo>
                <a:close/>
                <a:moveTo>
                  <a:pt x="2634011" y="2506178"/>
                </a:moveTo>
                <a:lnTo>
                  <a:pt x="2634011" y="2514880"/>
                </a:lnTo>
                <a:lnTo>
                  <a:pt x="2642714" y="2514880"/>
                </a:lnTo>
                <a:lnTo>
                  <a:pt x="2642714" y="2506178"/>
                </a:lnTo>
                <a:close/>
                <a:moveTo>
                  <a:pt x="2509399" y="2504659"/>
                </a:moveTo>
                <a:lnTo>
                  <a:pt x="2509399" y="2516399"/>
                </a:lnTo>
                <a:lnTo>
                  <a:pt x="2521138" y="2516399"/>
                </a:lnTo>
                <a:lnTo>
                  <a:pt x="2521138" y="2504659"/>
                </a:lnTo>
                <a:close/>
                <a:moveTo>
                  <a:pt x="2384823" y="2503178"/>
                </a:moveTo>
                <a:lnTo>
                  <a:pt x="2384823" y="2517955"/>
                </a:lnTo>
                <a:lnTo>
                  <a:pt x="2399599" y="2517955"/>
                </a:lnTo>
                <a:lnTo>
                  <a:pt x="2399599" y="2503178"/>
                </a:lnTo>
                <a:close/>
                <a:moveTo>
                  <a:pt x="2259803" y="2501216"/>
                </a:moveTo>
                <a:lnTo>
                  <a:pt x="2259803" y="2519879"/>
                </a:lnTo>
                <a:lnTo>
                  <a:pt x="2278467" y="2519879"/>
                </a:lnTo>
                <a:lnTo>
                  <a:pt x="2278467" y="2501216"/>
                </a:lnTo>
                <a:close/>
                <a:moveTo>
                  <a:pt x="2134598" y="2499030"/>
                </a:moveTo>
                <a:lnTo>
                  <a:pt x="2134598" y="2522064"/>
                </a:lnTo>
                <a:lnTo>
                  <a:pt x="2157632" y="2522064"/>
                </a:lnTo>
                <a:lnTo>
                  <a:pt x="2157632" y="2499030"/>
                </a:lnTo>
                <a:close/>
                <a:moveTo>
                  <a:pt x="2009133" y="2496624"/>
                </a:moveTo>
                <a:lnTo>
                  <a:pt x="2009133" y="2524434"/>
                </a:lnTo>
                <a:lnTo>
                  <a:pt x="2036944" y="2524434"/>
                </a:lnTo>
                <a:lnTo>
                  <a:pt x="2036944" y="2496624"/>
                </a:lnTo>
                <a:close/>
                <a:moveTo>
                  <a:pt x="1883706" y="2494254"/>
                </a:moveTo>
                <a:lnTo>
                  <a:pt x="1883706" y="2526841"/>
                </a:lnTo>
                <a:lnTo>
                  <a:pt x="1916294" y="2526841"/>
                </a:lnTo>
                <a:lnTo>
                  <a:pt x="1916294" y="2494254"/>
                </a:lnTo>
                <a:close/>
                <a:moveTo>
                  <a:pt x="1758019" y="2491660"/>
                </a:moveTo>
                <a:lnTo>
                  <a:pt x="1758019" y="2529433"/>
                </a:lnTo>
                <a:lnTo>
                  <a:pt x="1795792" y="2529433"/>
                </a:lnTo>
                <a:lnTo>
                  <a:pt x="1795792" y="2491660"/>
                </a:lnTo>
                <a:close/>
                <a:moveTo>
                  <a:pt x="1632370" y="2489069"/>
                </a:moveTo>
                <a:lnTo>
                  <a:pt x="1632370" y="2532063"/>
                </a:lnTo>
                <a:lnTo>
                  <a:pt x="1675364" y="2532063"/>
                </a:lnTo>
                <a:lnTo>
                  <a:pt x="1675364" y="2489069"/>
                </a:lnTo>
                <a:close/>
                <a:moveTo>
                  <a:pt x="1506683" y="2486439"/>
                </a:moveTo>
                <a:lnTo>
                  <a:pt x="1506683" y="2534655"/>
                </a:lnTo>
                <a:lnTo>
                  <a:pt x="1554899" y="2534655"/>
                </a:lnTo>
                <a:lnTo>
                  <a:pt x="1554899" y="2486439"/>
                </a:lnTo>
                <a:close/>
                <a:moveTo>
                  <a:pt x="1381256" y="2484069"/>
                </a:moveTo>
                <a:lnTo>
                  <a:pt x="1381256" y="2537062"/>
                </a:lnTo>
                <a:lnTo>
                  <a:pt x="1434249" y="2537062"/>
                </a:lnTo>
                <a:lnTo>
                  <a:pt x="1434249" y="2484069"/>
                </a:lnTo>
                <a:close/>
                <a:moveTo>
                  <a:pt x="1255792" y="2481662"/>
                </a:moveTo>
                <a:lnTo>
                  <a:pt x="1255792" y="2539432"/>
                </a:lnTo>
                <a:lnTo>
                  <a:pt x="1313562" y="2539432"/>
                </a:lnTo>
                <a:lnTo>
                  <a:pt x="1313562" y="2481662"/>
                </a:lnTo>
                <a:close/>
                <a:moveTo>
                  <a:pt x="1130327" y="2479292"/>
                </a:moveTo>
                <a:lnTo>
                  <a:pt x="1130327" y="2541839"/>
                </a:lnTo>
                <a:lnTo>
                  <a:pt x="1192874" y="2541839"/>
                </a:lnTo>
                <a:lnTo>
                  <a:pt x="1192874" y="2479292"/>
                </a:lnTo>
                <a:close/>
                <a:moveTo>
                  <a:pt x="1005122" y="2477107"/>
                </a:moveTo>
                <a:lnTo>
                  <a:pt x="1005122" y="2543987"/>
                </a:lnTo>
                <a:lnTo>
                  <a:pt x="1072002" y="2543987"/>
                </a:lnTo>
                <a:lnTo>
                  <a:pt x="1072002" y="2477107"/>
                </a:lnTo>
                <a:close/>
                <a:moveTo>
                  <a:pt x="880102" y="2475146"/>
                </a:moveTo>
                <a:lnTo>
                  <a:pt x="880102" y="2545950"/>
                </a:lnTo>
                <a:lnTo>
                  <a:pt x="950907" y="2545950"/>
                </a:lnTo>
                <a:lnTo>
                  <a:pt x="950907" y="2475146"/>
                </a:lnTo>
                <a:close/>
                <a:moveTo>
                  <a:pt x="755526" y="2473626"/>
                </a:moveTo>
                <a:lnTo>
                  <a:pt x="755526" y="2547468"/>
                </a:lnTo>
                <a:lnTo>
                  <a:pt x="829368" y="2547468"/>
                </a:lnTo>
                <a:lnTo>
                  <a:pt x="829368" y="2473626"/>
                </a:lnTo>
                <a:close/>
                <a:moveTo>
                  <a:pt x="630951" y="2472108"/>
                </a:moveTo>
                <a:lnTo>
                  <a:pt x="630951" y="2548986"/>
                </a:lnTo>
                <a:lnTo>
                  <a:pt x="707829" y="2548986"/>
                </a:lnTo>
                <a:lnTo>
                  <a:pt x="707829" y="2472108"/>
                </a:lnTo>
                <a:close/>
                <a:moveTo>
                  <a:pt x="506782" y="2470998"/>
                </a:moveTo>
                <a:lnTo>
                  <a:pt x="506782" y="2550060"/>
                </a:lnTo>
                <a:lnTo>
                  <a:pt x="585845" y="2550060"/>
                </a:lnTo>
                <a:lnTo>
                  <a:pt x="585845" y="2470998"/>
                </a:lnTo>
                <a:close/>
                <a:moveTo>
                  <a:pt x="382651" y="2469961"/>
                </a:moveTo>
                <a:lnTo>
                  <a:pt x="382651" y="2551171"/>
                </a:lnTo>
                <a:lnTo>
                  <a:pt x="463862" y="2551171"/>
                </a:lnTo>
                <a:lnTo>
                  <a:pt x="463862" y="2469961"/>
                </a:lnTo>
                <a:close/>
                <a:moveTo>
                  <a:pt x="13257" y="2469737"/>
                </a:moveTo>
                <a:lnTo>
                  <a:pt x="13257" y="2551393"/>
                </a:lnTo>
                <a:lnTo>
                  <a:pt x="94913" y="2551393"/>
                </a:lnTo>
                <a:lnTo>
                  <a:pt x="94913" y="2469737"/>
                </a:lnTo>
                <a:close/>
                <a:moveTo>
                  <a:pt x="258927" y="2469294"/>
                </a:moveTo>
                <a:lnTo>
                  <a:pt x="258927" y="2551801"/>
                </a:lnTo>
                <a:lnTo>
                  <a:pt x="341434" y="2551801"/>
                </a:lnTo>
                <a:lnTo>
                  <a:pt x="341434" y="2469294"/>
                </a:lnTo>
                <a:close/>
                <a:moveTo>
                  <a:pt x="135426" y="2468849"/>
                </a:moveTo>
                <a:lnTo>
                  <a:pt x="135426" y="2552245"/>
                </a:lnTo>
                <a:lnTo>
                  <a:pt x="218822" y="2552245"/>
                </a:lnTo>
                <a:lnTo>
                  <a:pt x="218822" y="2468849"/>
                </a:lnTo>
                <a:close/>
                <a:moveTo>
                  <a:pt x="3868732" y="2387268"/>
                </a:moveTo>
                <a:lnTo>
                  <a:pt x="3868732" y="2387712"/>
                </a:lnTo>
                <a:lnTo>
                  <a:pt x="3869176" y="2387712"/>
                </a:lnTo>
                <a:lnTo>
                  <a:pt x="3869176" y="2387268"/>
                </a:lnTo>
                <a:close/>
                <a:moveTo>
                  <a:pt x="3745675" y="2387268"/>
                </a:moveTo>
                <a:lnTo>
                  <a:pt x="3745675" y="2387712"/>
                </a:lnTo>
                <a:lnTo>
                  <a:pt x="3746119" y="2387712"/>
                </a:lnTo>
                <a:lnTo>
                  <a:pt x="3746119" y="2387268"/>
                </a:lnTo>
                <a:close/>
                <a:moveTo>
                  <a:pt x="3622617" y="2387268"/>
                </a:moveTo>
                <a:lnTo>
                  <a:pt x="3622617" y="2387712"/>
                </a:lnTo>
                <a:lnTo>
                  <a:pt x="3623061" y="2387712"/>
                </a:lnTo>
                <a:lnTo>
                  <a:pt x="3623061" y="2387268"/>
                </a:lnTo>
                <a:close/>
                <a:moveTo>
                  <a:pt x="3499523" y="2387268"/>
                </a:moveTo>
                <a:lnTo>
                  <a:pt x="3499523" y="2387712"/>
                </a:lnTo>
                <a:lnTo>
                  <a:pt x="3499967" y="2387712"/>
                </a:lnTo>
                <a:lnTo>
                  <a:pt x="3499967" y="2387268"/>
                </a:lnTo>
                <a:close/>
                <a:moveTo>
                  <a:pt x="3376281" y="2387082"/>
                </a:moveTo>
                <a:lnTo>
                  <a:pt x="3376281" y="2387934"/>
                </a:lnTo>
                <a:lnTo>
                  <a:pt x="3377133" y="2387934"/>
                </a:lnTo>
                <a:lnTo>
                  <a:pt x="3377133" y="2387082"/>
                </a:lnTo>
                <a:close/>
                <a:moveTo>
                  <a:pt x="3253186" y="2387082"/>
                </a:moveTo>
                <a:lnTo>
                  <a:pt x="3253186" y="2387934"/>
                </a:lnTo>
                <a:lnTo>
                  <a:pt x="3254038" y="2387934"/>
                </a:lnTo>
                <a:lnTo>
                  <a:pt x="3254038" y="2387082"/>
                </a:lnTo>
                <a:close/>
                <a:moveTo>
                  <a:pt x="3129722" y="2386639"/>
                </a:moveTo>
                <a:lnTo>
                  <a:pt x="3129722" y="2388380"/>
                </a:lnTo>
                <a:lnTo>
                  <a:pt x="3131462" y="2388380"/>
                </a:lnTo>
                <a:lnTo>
                  <a:pt x="3131462" y="2386639"/>
                </a:lnTo>
                <a:close/>
                <a:moveTo>
                  <a:pt x="3006220" y="2386194"/>
                </a:moveTo>
                <a:lnTo>
                  <a:pt x="3006220" y="2388786"/>
                </a:lnTo>
                <a:lnTo>
                  <a:pt x="3008812" y="2388786"/>
                </a:lnTo>
                <a:lnTo>
                  <a:pt x="3008812" y="2386194"/>
                </a:lnTo>
                <a:close/>
                <a:moveTo>
                  <a:pt x="2882496" y="2385528"/>
                </a:moveTo>
                <a:lnTo>
                  <a:pt x="2882496" y="2389454"/>
                </a:lnTo>
                <a:lnTo>
                  <a:pt x="2886421" y="2389454"/>
                </a:lnTo>
                <a:lnTo>
                  <a:pt x="2886421" y="2385528"/>
                </a:lnTo>
                <a:close/>
                <a:moveTo>
                  <a:pt x="2758587" y="2384676"/>
                </a:moveTo>
                <a:lnTo>
                  <a:pt x="2758587" y="2390304"/>
                </a:lnTo>
                <a:lnTo>
                  <a:pt x="2764216" y="2390304"/>
                </a:lnTo>
                <a:lnTo>
                  <a:pt x="2764216" y="2384676"/>
                </a:lnTo>
                <a:close/>
                <a:moveTo>
                  <a:pt x="2634196" y="2383342"/>
                </a:moveTo>
                <a:lnTo>
                  <a:pt x="2634196" y="2391600"/>
                </a:lnTo>
                <a:lnTo>
                  <a:pt x="2642454" y="2391600"/>
                </a:lnTo>
                <a:lnTo>
                  <a:pt x="2642454" y="2383342"/>
                </a:lnTo>
                <a:close/>
                <a:moveTo>
                  <a:pt x="2509621" y="2381861"/>
                </a:moveTo>
                <a:lnTo>
                  <a:pt x="2509621" y="2393156"/>
                </a:lnTo>
                <a:lnTo>
                  <a:pt x="2520916" y="2393156"/>
                </a:lnTo>
                <a:lnTo>
                  <a:pt x="2520916" y="2381861"/>
                </a:lnTo>
                <a:close/>
                <a:moveTo>
                  <a:pt x="2384823" y="2380083"/>
                </a:moveTo>
                <a:lnTo>
                  <a:pt x="2384823" y="2394859"/>
                </a:lnTo>
                <a:lnTo>
                  <a:pt x="2399599" y="2394859"/>
                </a:lnTo>
                <a:lnTo>
                  <a:pt x="2399599" y="2380083"/>
                </a:lnTo>
                <a:close/>
                <a:moveTo>
                  <a:pt x="2259803" y="2378158"/>
                </a:moveTo>
                <a:lnTo>
                  <a:pt x="2259803" y="2396822"/>
                </a:lnTo>
                <a:lnTo>
                  <a:pt x="2278467" y="2396822"/>
                </a:lnTo>
                <a:lnTo>
                  <a:pt x="2278467" y="2378158"/>
                </a:lnTo>
                <a:close/>
                <a:moveTo>
                  <a:pt x="2134376" y="2375788"/>
                </a:moveTo>
                <a:lnTo>
                  <a:pt x="2134376" y="2399229"/>
                </a:lnTo>
                <a:lnTo>
                  <a:pt x="2157817" y="2399229"/>
                </a:lnTo>
                <a:lnTo>
                  <a:pt x="2157817" y="2375788"/>
                </a:lnTo>
                <a:close/>
                <a:moveTo>
                  <a:pt x="2008689" y="2373158"/>
                </a:moveTo>
                <a:lnTo>
                  <a:pt x="2008689" y="2401821"/>
                </a:lnTo>
                <a:lnTo>
                  <a:pt x="2037352" y="2401821"/>
                </a:lnTo>
                <a:lnTo>
                  <a:pt x="2037352" y="2373158"/>
                </a:lnTo>
                <a:close/>
                <a:moveTo>
                  <a:pt x="1883039" y="2370530"/>
                </a:moveTo>
                <a:lnTo>
                  <a:pt x="1883039" y="2404413"/>
                </a:lnTo>
                <a:lnTo>
                  <a:pt x="1916923" y="2404413"/>
                </a:lnTo>
                <a:lnTo>
                  <a:pt x="1916923" y="2370530"/>
                </a:lnTo>
                <a:close/>
                <a:moveTo>
                  <a:pt x="1757168" y="2367753"/>
                </a:moveTo>
                <a:lnTo>
                  <a:pt x="1757168" y="2407265"/>
                </a:lnTo>
                <a:lnTo>
                  <a:pt x="1796681" y="2407265"/>
                </a:lnTo>
                <a:lnTo>
                  <a:pt x="1796681" y="2367753"/>
                </a:lnTo>
                <a:close/>
                <a:moveTo>
                  <a:pt x="1631259" y="2364901"/>
                </a:moveTo>
                <a:lnTo>
                  <a:pt x="1631259" y="2410080"/>
                </a:lnTo>
                <a:lnTo>
                  <a:pt x="1676438" y="2410080"/>
                </a:lnTo>
                <a:lnTo>
                  <a:pt x="1676438" y="2364901"/>
                </a:lnTo>
                <a:close/>
                <a:moveTo>
                  <a:pt x="1505387" y="2362087"/>
                </a:moveTo>
                <a:lnTo>
                  <a:pt x="1505387" y="2412894"/>
                </a:lnTo>
                <a:lnTo>
                  <a:pt x="1556195" y="2412894"/>
                </a:lnTo>
                <a:lnTo>
                  <a:pt x="1556195" y="2362087"/>
                </a:lnTo>
                <a:close/>
                <a:moveTo>
                  <a:pt x="1379738" y="2359494"/>
                </a:moveTo>
                <a:lnTo>
                  <a:pt x="1379738" y="2415523"/>
                </a:lnTo>
                <a:lnTo>
                  <a:pt x="1435767" y="2415523"/>
                </a:lnTo>
                <a:lnTo>
                  <a:pt x="1435767" y="2359494"/>
                </a:lnTo>
                <a:close/>
                <a:moveTo>
                  <a:pt x="1253829" y="2356681"/>
                </a:moveTo>
                <a:lnTo>
                  <a:pt x="1253829" y="2418337"/>
                </a:lnTo>
                <a:lnTo>
                  <a:pt x="1315487" y="2418337"/>
                </a:lnTo>
                <a:lnTo>
                  <a:pt x="1315487" y="2356681"/>
                </a:lnTo>
                <a:close/>
                <a:moveTo>
                  <a:pt x="1128401" y="2354274"/>
                </a:moveTo>
                <a:lnTo>
                  <a:pt x="1128401" y="2420708"/>
                </a:lnTo>
                <a:lnTo>
                  <a:pt x="1194836" y="2420708"/>
                </a:lnTo>
                <a:lnTo>
                  <a:pt x="1194836" y="2354274"/>
                </a:lnTo>
                <a:close/>
                <a:moveTo>
                  <a:pt x="1003159" y="2352087"/>
                </a:moveTo>
                <a:lnTo>
                  <a:pt x="1003159" y="2422893"/>
                </a:lnTo>
                <a:lnTo>
                  <a:pt x="1073964" y="2422893"/>
                </a:lnTo>
                <a:lnTo>
                  <a:pt x="1073964" y="2352087"/>
                </a:lnTo>
                <a:close/>
                <a:moveTo>
                  <a:pt x="877917" y="2349939"/>
                </a:moveTo>
                <a:lnTo>
                  <a:pt x="877917" y="2425077"/>
                </a:lnTo>
                <a:lnTo>
                  <a:pt x="953055" y="2425077"/>
                </a:lnTo>
                <a:lnTo>
                  <a:pt x="953055" y="2349939"/>
                </a:lnTo>
                <a:close/>
                <a:moveTo>
                  <a:pt x="753119" y="2348162"/>
                </a:moveTo>
                <a:lnTo>
                  <a:pt x="753119" y="2426782"/>
                </a:lnTo>
                <a:lnTo>
                  <a:pt x="831738" y="2426782"/>
                </a:lnTo>
                <a:lnTo>
                  <a:pt x="831738" y="2348162"/>
                </a:lnTo>
                <a:close/>
                <a:moveTo>
                  <a:pt x="628544" y="2346681"/>
                </a:moveTo>
                <a:lnTo>
                  <a:pt x="628544" y="2428336"/>
                </a:lnTo>
                <a:lnTo>
                  <a:pt x="710200" y="2428336"/>
                </a:lnTo>
                <a:lnTo>
                  <a:pt x="710200" y="2346681"/>
                </a:lnTo>
                <a:close/>
                <a:moveTo>
                  <a:pt x="504412" y="2345571"/>
                </a:moveTo>
                <a:lnTo>
                  <a:pt x="504412" y="2429410"/>
                </a:lnTo>
                <a:lnTo>
                  <a:pt x="588252" y="2429410"/>
                </a:lnTo>
                <a:lnTo>
                  <a:pt x="588252" y="2345571"/>
                </a:lnTo>
                <a:close/>
                <a:moveTo>
                  <a:pt x="380244" y="2344497"/>
                </a:moveTo>
                <a:lnTo>
                  <a:pt x="380244" y="2430484"/>
                </a:lnTo>
                <a:lnTo>
                  <a:pt x="466232" y="2430484"/>
                </a:lnTo>
                <a:lnTo>
                  <a:pt x="466232" y="2344497"/>
                </a:lnTo>
                <a:close/>
                <a:moveTo>
                  <a:pt x="10850" y="2344274"/>
                </a:moveTo>
                <a:lnTo>
                  <a:pt x="10850" y="2430706"/>
                </a:lnTo>
                <a:lnTo>
                  <a:pt x="97283" y="2430706"/>
                </a:lnTo>
                <a:lnTo>
                  <a:pt x="97283" y="2344274"/>
                </a:lnTo>
                <a:close/>
                <a:moveTo>
                  <a:pt x="256557" y="2343868"/>
                </a:moveTo>
                <a:lnTo>
                  <a:pt x="256557" y="2431151"/>
                </a:lnTo>
                <a:lnTo>
                  <a:pt x="343841" y="2431151"/>
                </a:lnTo>
                <a:lnTo>
                  <a:pt x="343841" y="2343868"/>
                </a:lnTo>
                <a:close/>
                <a:moveTo>
                  <a:pt x="133055" y="2343422"/>
                </a:moveTo>
                <a:lnTo>
                  <a:pt x="133055" y="2431595"/>
                </a:lnTo>
                <a:lnTo>
                  <a:pt x="221228" y="2431595"/>
                </a:lnTo>
                <a:lnTo>
                  <a:pt x="221228" y="2343422"/>
                </a:lnTo>
                <a:close/>
                <a:moveTo>
                  <a:pt x="3868732" y="2264211"/>
                </a:moveTo>
                <a:lnTo>
                  <a:pt x="3868732" y="2264655"/>
                </a:lnTo>
                <a:lnTo>
                  <a:pt x="3869176" y="2264655"/>
                </a:lnTo>
                <a:lnTo>
                  <a:pt x="3869176" y="2264211"/>
                </a:lnTo>
                <a:close/>
                <a:moveTo>
                  <a:pt x="3745675" y="2264211"/>
                </a:moveTo>
                <a:lnTo>
                  <a:pt x="3745675" y="2264655"/>
                </a:lnTo>
                <a:lnTo>
                  <a:pt x="3746119" y="2264655"/>
                </a:lnTo>
                <a:lnTo>
                  <a:pt x="3746119" y="2264211"/>
                </a:lnTo>
                <a:close/>
                <a:moveTo>
                  <a:pt x="3622617" y="2264211"/>
                </a:moveTo>
                <a:lnTo>
                  <a:pt x="3622617" y="2264655"/>
                </a:lnTo>
                <a:lnTo>
                  <a:pt x="3623061" y="2264655"/>
                </a:lnTo>
                <a:lnTo>
                  <a:pt x="3623061" y="2264211"/>
                </a:lnTo>
                <a:close/>
                <a:moveTo>
                  <a:pt x="3499523" y="2264211"/>
                </a:moveTo>
                <a:lnTo>
                  <a:pt x="3499523" y="2264655"/>
                </a:lnTo>
                <a:lnTo>
                  <a:pt x="3499967" y="2264655"/>
                </a:lnTo>
                <a:lnTo>
                  <a:pt x="3499967" y="2264211"/>
                </a:lnTo>
                <a:close/>
                <a:moveTo>
                  <a:pt x="3376466" y="2264211"/>
                </a:moveTo>
                <a:lnTo>
                  <a:pt x="3376466" y="2264655"/>
                </a:lnTo>
                <a:lnTo>
                  <a:pt x="3376910" y="2264655"/>
                </a:lnTo>
                <a:lnTo>
                  <a:pt x="3376910" y="2264211"/>
                </a:lnTo>
                <a:close/>
                <a:moveTo>
                  <a:pt x="3253186" y="2264025"/>
                </a:moveTo>
                <a:lnTo>
                  <a:pt x="3253186" y="2264877"/>
                </a:lnTo>
                <a:lnTo>
                  <a:pt x="3254038" y="2264877"/>
                </a:lnTo>
                <a:lnTo>
                  <a:pt x="3254038" y="2264025"/>
                </a:lnTo>
                <a:close/>
                <a:moveTo>
                  <a:pt x="3129944" y="2263803"/>
                </a:moveTo>
                <a:lnTo>
                  <a:pt x="3129944" y="2265099"/>
                </a:lnTo>
                <a:lnTo>
                  <a:pt x="3131240" y="2265099"/>
                </a:lnTo>
                <a:lnTo>
                  <a:pt x="3131240" y="2263803"/>
                </a:lnTo>
                <a:close/>
                <a:moveTo>
                  <a:pt x="3006442" y="2263321"/>
                </a:moveTo>
                <a:lnTo>
                  <a:pt x="3006442" y="2265506"/>
                </a:lnTo>
                <a:lnTo>
                  <a:pt x="3008627" y="2265506"/>
                </a:lnTo>
                <a:lnTo>
                  <a:pt x="3008627" y="2263321"/>
                </a:lnTo>
                <a:close/>
                <a:moveTo>
                  <a:pt x="2882718" y="2262692"/>
                </a:moveTo>
                <a:lnTo>
                  <a:pt x="2882718" y="2266173"/>
                </a:lnTo>
                <a:lnTo>
                  <a:pt x="2886199" y="2266173"/>
                </a:lnTo>
                <a:lnTo>
                  <a:pt x="2886199" y="2262692"/>
                </a:lnTo>
                <a:close/>
                <a:moveTo>
                  <a:pt x="2758809" y="2261804"/>
                </a:moveTo>
                <a:lnTo>
                  <a:pt x="2758809" y="2267025"/>
                </a:lnTo>
                <a:lnTo>
                  <a:pt x="2764030" y="2267025"/>
                </a:lnTo>
                <a:lnTo>
                  <a:pt x="2764030" y="2261804"/>
                </a:lnTo>
                <a:close/>
                <a:moveTo>
                  <a:pt x="2634641" y="2260767"/>
                </a:moveTo>
                <a:lnTo>
                  <a:pt x="2634641" y="2268136"/>
                </a:lnTo>
                <a:lnTo>
                  <a:pt x="2642010" y="2268136"/>
                </a:lnTo>
                <a:lnTo>
                  <a:pt x="2642010" y="2260767"/>
                </a:lnTo>
                <a:close/>
                <a:moveTo>
                  <a:pt x="2509843" y="2259026"/>
                </a:moveTo>
                <a:lnTo>
                  <a:pt x="2509843" y="2269876"/>
                </a:lnTo>
                <a:lnTo>
                  <a:pt x="2520693" y="2269876"/>
                </a:lnTo>
                <a:lnTo>
                  <a:pt x="2520693" y="2259026"/>
                </a:lnTo>
                <a:close/>
                <a:moveTo>
                  <a:pt x="2385045" y="2257286"/>
                </a:moveTo>
                <a:lnTo>
                  <a:pt x="2385045" y="2271617"/>
                </a:lnTo>
                <a:lnTo>
                  <a:pt x="2399376" y="2271617"/>
                </a:lnTo>
                <a:lnTo>
                  <a:pt x="2399376" y="2257286"/>
                </a:lnTo>
                <a:close/>
                <a:moveTo>
                  <a:pt x="2259618" y="2254879"/>
                </a:moveTo>
                <a:lnTo>
                  <a:pt x="2259618" y="2273987"/>
                </a:lnTo>
                <a:lnTo>
                  <a:pt x="2278726" y="2273987"/>
                </a:lnTo>
                <a:lnTo>
                  <a:pt x="2278726" y="2254879"/>
                </a:lnTo>
                <a:close/>
                <a:moveTo>
                  <a:pt x="2134153" y="2252509"/>
                </a:moveTo>
                <a:lnTo>
                  <a:pt x="2134153" y="2276394"/>
                </a:lnTo>
                <a:lnTo>
                  <a:pt x="2158039" y="2276394"/>
                </a:lnTo>
                <a:lnTo>
                  <a:pt x="2158039" y="2252509"/>
                </a:lnTo>
                <a:close/>
                <a:moveTo>
                  <a:pt x="2008282" y="2249656"/>
                </a:moveTo>
                <a:lnTo>
                  <a:pt x="2008282" y="2279208"/>
                </a:lnTo>
                <a:lnTo>
                  <a:pt x="2037833" y="2279208"/>
                </a:lnTo>
                <a:lnTo>
                  <a:pt x="2037833" y="2249656"/>
                </a:lnTo>
                <a:close/>
                <a:moveTo>
                  <a:pt x="1882373" y="2246843"/>
                </a:moveTo>
                <a:lnTo>
                  <a:pt x="1882373" y="2282023"/>
                </a:lnTo>
                <a:lnTo>
                  <a:pt x="1917553" y="2282023"/>
                </a:lnTo>
                <a:lnTo>
                  <a:pt x="1917553" y="2246843"/>
                </a:lnTo>
                <a:close/>
                <a:moveTo>
                  <a:pt x="1756279" y="2243806"/>
                </a:moveTo>
                <a:lnTo>
                  <a:pt x="1756279" y="2285059"/>
                </a:lnTo>
                <a:lnTo>
                  <a:pt x="1797533" y="2285059"/>
                </a:lnTo>
                <a:lnTo>
                  <a:pt x="1797533" y="2243806"/>
                </a:lnTo>
                <a:close/>
                <a:moveTo>
                  <a:pt x="1630185" y="2240769"/>
                </a:moveTo>
                <a:lnTo>
                  <a:pt x="1630185" y="2288096"/>
                </a:lnTo>
                <a:lnTo>
                  <a:pt x="1677512" y="2288096"/>
                </a:lnTo>
                <a:lnTo>
                  <a:pt x="1677512" y="2240769"/>
                </a:lnTo>
                <a:close/>
                <a:moveTo>
                  <a:pt x="1504313" y="2237918"/>
                </a:moveTo>
                <a:lnTo>
                  <a:pt x="1504313" y="2290910"/>
                </a:lnTo>
                <a:lnTo>
                  <a:pt x="1557306" y="2290910"/>
                </a:lnTo>
                <a:lnTo>
                  <a:pt x="1557306" y="2237918"/>
                </a:lnTo>
                <a:close/>
                <a:moveTo>
                  <a:pt x="1378219" y="2234918"/>
                </a:moveTo>
                <a:lnTo>
                  <a:pt x="1378219" y="2293984"/>
                </a:lnTo>
                <a:lnTo>
                  <a:pt x="1437285" y="2293984"/>
                </a:lnTo>
                <a:lnTo>
                  <a:pt x="1437285" y="2234918"/>
                </a:lnTo>
                <a:close/>
                <a:moveTo>
                  <a:pt x="1252311" y="2232066"/>
                </a:moveTo>
                <a:lnTo>
                  <a:pt x="1252311" y="2296798"/>
                </a:lnTo>
                <a:lnTo>
                  <a:pt x="1317043" y="2296798"/>
                </a:lnTo>
                <a:lnTo>
                  <a:pt x="1317043" y="2232066"/>
                </a:lnTo>
                <a:close/>
                <a:moveTo>
                  <a:pt x="1126661" y="2229474"/>
                </a:moveTo>
                <a:lnTo>
                  <a:pt x="1126661" y="2299391"/>
                </a:lnTo>
                <a:lnTo>
                  <a:pt x="1196577" y="2299391"/>
                </a:lnTo>
                <a:lnTo>
                  <a:pt x="1196577" y="2229474"/>
                </a:lnTo>
                <a:close/>
                <a:moveTo>
                  <a:pt x="1001197" y="2227105"/>
                </a:moveTo>
                <a:lnTo>
                  <a:pt x="1001197" y="2301799"/>
                </a:lnTo>
                <a:lnTo>
                  <a:pt x="1075891" y="2301799"/>
                </a:lnTo>
                <a:lnTo>
                  <a:pt x="1075891" y="2227105"/>
                </a:lnTo>
                <a:close/>
                <a:moveTo>
                  <a:pt x="875769" y="2224697"/>
                </a:moveTo>
                <a:lnTo>
                  <a:pt x="875769" y="2304168"/>
                </a:lnTo>
                <a:lnTo>
                  <a:pt x="955240" y="2304168"/>
                </a:lnTo>
                <a:lnTo>
                  <a:pt x="955240" y="2224697"/>
                </a:lnTo>
                <a:close/>
                <a:moveTo>
                  <a:pt x="750971" y="2222957"/>
                </a:moveTo>
                <a:lnTo>
                  <a:pt x="750971" y="2305908"/>
                </a:lnTo>
                <a:lnTo>
                  <a:pt x="833923" y="2305908"/>
                </a:lnTo>
                <a:lnTo>
                  <a:pt x="833923" y="2222957"/>
                </a:lnTo>
                <a:close/>
                <a:moveTo>
                  <a:pt x="626359" y="2221440"/>
                </a:moveTo>
                <a:lnTo>
                  <a:pt x="626359" y="2307427"/>
                </a:lnTo>
                <a:lnTo>
                  <a:pt x="712347" y="2307427"/>
                </a:lnTo>
                <a:lnTo>
                  <a:pt x="712347" y="2221440"/>
                </a:lnTo>
                <a:close/>
                <a:moveTo>
                  <a:pt x="502005" y="2220105"/>
                </a:moveTo>
                <a:lnTo>
                  <a:pt x="502005" y="2308724"/>
                </a:lnTo>
                <a:lnTo>
                  <a:pt x="590623" y="2308724"/>
                </a:lnTo>
                <a:lnTo>
                  <a:pt x="590623" y="2220105"/>
                </a:lnTo>
                <a:close/>
                <a:moveTo>
                  <a:pt x="378096" y="2219254"/>
                </a:moveTo>
                <a:lnTo>
                  <a:pt x="378096" y="2309612"/>
                </a:lnTo>
                <a:lnTo>
                  <a:pt x="468454" y="2309612"/>
                </a:lnTo>
                <a:lnTo>
                  <a:pt x="468454" y="2219254"/>
                </a:lnTo>
                <a:close/>
                <a:moveTo>
                  <a:pt x="8702" y="2219069"/>
                </a:moveTo>
                <a:lnTo>
                  <a:pt x="8702" y="2309834"/>
                </a:lnTo>
                <a:lnTo>
                  <a:pt x="99467" y="2309834"/>
                </a:lnTo>
                <a:lnTo>
                  <a:pt x="99467" y="2219069"/>
                </a:lnTo>
                <a:close/>
                <a:moveTo>
                  <a:pt x="254372" y="2218587"/>
                </a:moveTo>
                <a:lnTo>
                  <a:pt x="254372" y="2310242"/>
                </a:lnTo>
                <a:lnTo>
                  <a:pt x="346026" y="2310242"/>
                </a:lnTo>
                <a:lnTo>
                  <a:pt x="346026" y="2218587"/>
                </a:lnTo>
                <a:close/>
                <a:moveTo>
                  <a:pt x="130871" y="2218179"/>
                </a:moveTo>
                <a:lnTo>
                  <a:pt x="130871" y="2310686"/>
                </a:lnTo>
                <a:lnTo>
                  <a:pt x="223377" y="2310686"/>
                </a:lnTo>
                <a:lnTo>
                  <a:pt x="223377" y="2218179"/>
                </a:lnTo>
                <a:close/>
                <a:moveTo>
                  <a:pt x="3499523" y="2141153"/>
                </a:moveTo>
                <a:lnTo>
                  <a:pt x="3499523" y="2141597"/>
                </a:lnTo>
                <a:lnTo>
                  <a:pt x="3499967" y="2141597"/>
                </a:lnTo>
                <a:lnTo>
                  <a:pt x="3499967" y="2141153"/>
                </a:lnTo>
                <a:close/>
                <a:moveTo>
                  <a:pt x="3376466" y="2141153"/>
                </a:moveTo>
                <a:lnTo>
                  <a:pt x="3376466" y="2141597"/>
                </a:lnTo>
                <a:lnTo>
                  <a:pt x="3376910" y="2141597"/>
                </a:lnTo>
                <a:lnTo>
                  <a:pt x="3376910" y="2141153"/>
                </a:lnTo>
                <a:close/>
                <a:moveTo>
                  <a:pt x="3253408" y="2141153"/>
                </a:moveTo>
                <a:lnTo>
                  <a:pt x="3253408" y="2141597"/>
                </a:lnTo>
                <a:lnTo>
                  <a:pt x="3253852" y="2141597"/>
                </a:lnTo>
                <a:lnTo>
                  <a:pt x="3253852" y="2141153"/>
                </a:lnTo>
                <a:close/>
                <a:moveTo>
                  <a:pt x="3130129" y="2140968"/>
                </a:moveTo>
                <a:lnTo>
                  <a:pt x="3130129" y="2141820"/>
                </a:lnTo>
                <a:lnTo>
                  <a:pt x="3130981" y="2141820"/>
                </a:lnTo>
                <a:lnTo>
                  <a:pt x="3130981" y="2140968"/>
                </a:lnTo>
                <a:close/>
                <a:moveTo>
                  <a:pt x="3006664" y="2140487"/>
                </a:moveTo>
                <a:lnTo>
                  <a:pt x="3006664" y="2142227"/>
                </a:lnTo>
                <a:lnTo>
                  <a:pt x="3008404" y="2142227"/>
                </a:lnTo>
                <a:lnTo>
                  <a:pt x="3008404" y="2140487"/>
                </a:lnTo>
                <a:close/>
                <a:moveTo>
                  <a:pt x="2883163" y="2140079"/>
                </a:moveTo>
                <a:lnTo>
                  <a:pt x="2883163" y="2142671"/>
                </a:lnTo>
                <a:lnTo>
                  <a:pt x="2885755" y="2142671"/>
                </a:lnTo>
                <a:lnTo>
                  <a:pt x="2885755" y="2140079"/>
                </a:lnTo>
                <a:close/>
                <a:moveTo>
                  <a:pt x="2759216" y="2139227"/>
                </a:moveTo>
                <a:lnTo>
                  <a:pt x="2759216" y="2143560"/>
                </a:lnTo>
                <a:lnTo>
                  <a:pt x="2763549" y="2143560"/>
                </a:lnTo>
                <a:lnTo>
                  <a:pt x="2763549" y="2139227"/>
                </a:lnTo>
                <a:close/>
                <a:moveTo>
                  <a:pt x="2634863" y="2137894"/>
                </a:moveTo>
                <a:lnTo>
                  <a:pt x="2634863" y="2144856"/>
                </a:lnTo>
                <a:lnTo>
                  <a:pt x="2641825" y="2144856"/>
                </a:lnTo>
                <a:lnTo>
                  <a:pt x="2641825" y="2137894"/>
                </a:lnTo>
                <a:close/>
                <a:moveTo>
                  <a:pt x="2510287" y="2136375"/>
                </a:moveTo>
                <a:lnTo>
                  <a:pt x="2510287" y="2146374"/>
                </a:lnTo>
                <a:lnTo>
                  <a:pt x="2520286" y="2146374"/>
                </a:lnTo>
                <a:lnTo>
                  <a:pt x="2520286" y="2136375"/>
                </a:lnTo>
                <a:close/>
                <a:moveTo>
                  <a:pt x="2385267" y="2134450"/>
                </a:moveTo>
                <a:lnTo>
                  <a:pt x="2385267" y="2148337"/>
                </a:lnTo>
                <a:lnTo>
                  <a:pt x="2399154" y="2148337"/>
                </a:lnTo>
                <a:lnTo>
                  <a:pt x="2399154" y="2134450"/>
                </a:lnTo>
                <a:close/>
                <a:moveTo>
                  <a:pt x="2259618" y="2131821"/>
                </a:moveTo>
                <a:lnTo>
                  <a:pt x="2259618" y="2150929"/>
                </a:lnTo>
                <a:lnTo>
                  <a:pt x="2278726" y="2150929"/>
                </a:lnTo>
                <a:lnTo>
                  <a:pt x="2278726" y="2131821"/>
                </a:lnTo>
                <a:close/>
                <a:moveTo>
                  <a:pt x="2133931" y="2129192"/>
                </a:moveTo>
                <a:lnTo>
                  <a:pt x="2133931" y="2153522"/>
                </a:lnTo>
                <a:lnTo>
                  <a:pt x="2158261" y="2153522"/>
                </a:lnTo>
                <a:lnTo>
                  <a:pt x="2158261" y="2129192"/>
                </a:lnTo>
                <a:close/>
                <a:moveTo>
                  <a:pt x="2008059" y="2126414"/>
                </a:moveTo>
                <a:lnTo>
                  <a:pt x="2008059" y="2156373"/>
                </a:lnTo>
                <a:lnTo>
                  <a:pt x="2038018" y="2156373"/>
                </a:lnTo>
                <a:lnTo>
                  <a:pt x="2038018" y="2126414"/>
                </a:lnTo>
                <a:close/>
                <a:moveTo>
                  <a:pt x="1881743" y="2123156"/>
                </a:moveTo>
                <a:lnTo>
                  <a:pt x="1881743" y="2159632"/>
                </a:lnTo>
                <a:lnTo>
                  <a:pt x="1918219" y="2159632"/>
                </a:lnTo>
                <a:lnTo>
                  <a:pt x="1918219" y="2123156"/>
                </a:lnTo>
                <a:close/>
                <a:moveTo>
                  <a:pt x="1755649" y="2120120"/>
                </a:moveTo>
                <a:lnTo>
                  <a:pt x="1755649" y="2162669"/>
                </a:lnTo>
                <a:lnTo>
                  <a:pt x="1798199" y="2162669"/>
                </a:lnTo>
                <a:lnTo>
                  <a:pt x="1798199" y="2120120"/>
                </a:lnTo>
                <a:close/>
                <a:moveTo>
                  <a:pt x="1629333" y="2116860"/>
                </a:moveTo>
                <a:lnTo>
                  <a:pt x="1629333" y="2165928"/>
                </a:lnTo>
                <a:lnTo>
                  <a:pt x="1678400" y="2165928"/>
                </a:lnTo>
                <a:lnTo>
                  <a:pt x="1678400" y="2116860"/>
                </a:lnTo>
                <a:close/>
                <a:moveTo>
                  <a:pt x="1502980" y="2113602"/>
                </a:moveTo>
                <a:lnTo>
                  <a:pt x="1502980" y="2169186"/>
                </a:lnTo>
                <a:lnTo>
                  <a:pt x="1558565" y="2169186"/>
                </a:lnTo>
                <a:lnTo>
                  <a:pt x="1558565" y="2113602"/>
                </a:lnTo>
                <a:close/>
                <a:moveTo>
                  <a:pt x="1376664" y="2110305"/>
                </a:moveTo>
                <a:lnTo>
                  <a:pt x="1376664" y="2172408"/>
                </a:lnTo>
                <a:lnTo>
                  <a:pt x="1438767" y="2172408"/>
                </a:lnTo>
                <a:lnTo>
                  <a:pt x="1438767" y="2110305"/>
                </a:lnTo>
                <a:close/>
                <a:moveTo>
                  <a:pt x="1250570" y="2107306"/>
                </a:moveTo>
                <a:lnTo>
                  <a:pt x="1250570" y="2175482"/>
                </a:lnTo>
                <a:lnTo>
                  <a:pt x="1318746" y="2175482"/>
                </a:lnTo>
                <a:lnTo>
                  <a:pt x="1318746" y="2107306"/>
                </a:lnTo>
                <a:close/>
                <a:moveTo>
                  <a:pt x="1124920" y="2104676"/>
                </a:moveTo>
                <a:lnTo>
                  <a:pt x="1124920" y="2178074"/>
                </a:lnTo>
                <a:lnTo>
                  <a:pt x="1198317" y="2178074"/>
                </a:lnTo>
                <a:lnTo>
                  <a:pt x="1198317" y="2104676"/>
                </a:lnTo>
                <a:close/>
                <a:moveTo>
                  <a:pt x="999049" y="2101825"/>
                </a:moveTo>
                <a:lnTo>
                  <a:pt x="999049" y="2180889"/>
                </a:lnTo>
                <a:lnTo>
                  <a:pt x="1078112" y="2180889"/>
                </a:lnTo>
                <a:lnTo>
                  <a:pt x="1078112" y="2101825"/>
                </a:lnTo>
                <a:close/>
                <a:moveTo>
                  <a:pt x="873806" y="2099677"/>
                </a:moveTo>
                <a:lnTo>
                  <a:pt x="873806" y="2183074"/>
                </a:lnTo>
                <a:lnTo>
                  <a:pt x="957202" y="2183074"/>
                </a:lnTo>
                <a:lnTo>
                  <a:pt x="957202" y="2099677"/>
                </a:lnTo>
                <a:close/>
                <a:moveTo>
                  <a:pt x="748786" y="2097751"/>
                </a:moveTo>
                <a:lnTo>
                  <a:pt x="748786" y="2185037"/>
                </a:lnTo>
                <a:lnTo>
                  <a:pt x="836070" y="2185037"/>
                </a:lnTo>
                <a:lnTo>
                  <a:pt x="836070" y="2097751"/>
                </a:lnTo>
                <a:close/>
                <a:moveTo>
                  <a:pt x="624211" y="2096242"/>
                </a:moveTo>
                <a:lnTo>
                  <a:pt x="624211" y="2186555"/>
                </a:lnTo>
                <a:lnTo>
                  <a:pt x="714569" y="2186555"/>
                </a:lnTo>
                <a:lnTo>
                  <a:pt x="714569" y="2096242"/>
                </a:lnTo>
                <a:close/>
                <a:moveTo>
                  <a:pt x="499857" y="2094944"/>
                </a:moveTo>
                <a:lnTo>
                  <a:pt x="499857" y="2187851"/>
                </a:lnTo>
                <a:lnTo>
                  <a:pt x="592807" y="2187851"/>
                </a:lnTo>
                <a:lnTo>
                  <a:pt x="592807" y="2094944"/>
                </a:lnTo>
                <a:close/>
                <a:moveTo>
                  <a:pt x="375911" y="2094053"/>
                </a:moveTo>
                <a:lnTo>
                  <a:pt x="375911" y="2188703"/>
                </a:lnTo>
                <a:lnTo>
                  <a:pt x="470602" y="2188703"/>
                </a:lnTo>
                <a:lnTo>
                  <a:pt x="470602" y="2094053"/>
                </a:lnTo>
                <a:close/>
                <a:moveTo>
                  <a:pt x="6517" y="2093833"/>
                </a:moveTo>
                <a:lnTo>
                  <a:pt x="6517" y="2188924"/>
                </a:lnTo>
                <a:lnTo>
                  <a:pt x="101652" y="2188924"/>
                </a:lnTo>
                <a:lnTo>
                  <a:pt x="101652" y="2093833"/>
                </a:lnTo>
                <a:close/>
                <a:moveTo>
                  <a:pt x="252187" y="2093426"/>
                </a:moveTo>
                <a:lnTo>
                  <a:pt x="252187" y="2189369"/>
                </a:lnTo>
                <a:lnTo>
                  <a:pt x="348174" y="2189369"/>
                </a:lnTo>
                <a:lnTo>
                  <a:pt x="348174" y="2093426"/>
                </a:lnTo>
                <a:close/>
                <a:moveTo>
                  <a:pt x="128723" y="2093019"/>
                </a:moveTo>
                <a:lnTo>
                  <a:pt x="128723" y="2189814"/>
                </a:lnTo>
                <a:lnTo>
                  <a:pt x="225562" y="2189814"/>
                </a:lnTo>
                <a:lnTo>
                  <a:pt x="225562" y="2093019"/>
                </a:lnTo>
                <a:close/>
                <a:moveTo>
                  <a:pt x="3376466" y="2018137"/>
                </a:moveTo>
                <a:lnTo>
                  <a:pt x="3376466" y="2018584"/>
                </a:lnTo>
                <a:lnTo>
                  <a:pt x="3376910" y="2018584"/>
                </a:lnTo>
                <a:lnTo>
                  <a:pt x="3376910" y="2018137"/>
                </a:lnTo>
                <a:close/>
                <a:moveTo>
                  <a:pt x="3253408" y="2018137"/>
                </a:moveTo>
                <a:lnTo>
                  <a:pt x="3253408" y="2018584"/>
                </a:lnTo>
                <a:lnTo>
                  <a:pt x="3253852" y="2018584"/>
                </a:lnTo>
                <a:lnTo>
                  <a:pt x="3253852" y="2018137"/>
                </a:lnTo>
                <a:close/>
                <a:moveTo>
                  <a:pt x="3130351" y="2018137"/>
                </a:moveTo>
                <a:lnTo>
                  <a:pt x="3130351" y="2018584"/>
                </a:lnTo>
                <a:lnTo>
                  <a:pt x="3130795" y="2018584"/>
                </a:lnTo>
                <a:lnTo>
                  <a:pt x="3130795" y="2018137"/>
                </a:lnTo>
                <a:close/>
                <a:moveTo>
                  <a:pt x="3007072" y="2017954"/>
                </a:moveTo>
                <a:lnTo>
                  <a:pt x="3007072" y="2018803"/>
                </a:lnTo>
                <a:lnTo>
                  <a:pt x="3007924" y="2018803"/>
                </a:lnTo>
                <a:lnTo>
                  <a:pt x="3007924" y="2017954"/>
                </a:lnTo>
                <a:close/>
                <a:moveTo>
                  <a:pt x="2883385" y="2017252"/>
                </a:moveTo>
                <a:lnTo>
                  <a:pt x="2883385" y="2019436"/>
                </a:lnTo>
                <a:lnTo>
                  <a:pt x="2885570" y="2019436"/>
                </a:lnTo>
                <a:lnTo>
                  <a:pt x="2885570" y="2017252"/>
                </a:lnTo>
                <a:close/>
                <a:moveTo>
                  <a:pt x="2759661" y="2016620"/>
                </a:moveTo>
                <a:lnTo>
                  <a:pt x="2759661" y="2020102"/>
                </a:lnTo>
                <a:lnTo>
                  <a:pt x="2763142" y="2020102"/>
                </a:lnTo>
                <a:lnTo>
                  <a:pt x="2763142" y="2016620"/>
                </a:lnTo>
                <a:close/>
                <a:moveTo>
                  <a:pt x="2635530" y="2015546"/>
                </a:moveTo>
                <a:lnTo>
                  <a:pt x="2635530" y="2021176"/>
                </a:lnTo>
                <a:lnTo>
                  <a:pt x="2641159" y="2021176"/>
                </a:lnTo>
                <a:lnTo>
                  <a:pt x="2641159" y="2015546"/>
                </a:lnTo>
                <a:close/>
                <a:moveTo>
                  <a:pt x="2510732" y="2013806"/>
                </a:moveTo>
                <a:lnTo>
                  <a:pt x="2510732" y="2022917"/>
                </a:lnTo>
                <a:lnTo>
                  <a:pt x="2519842" y="2022917"/>
                </a:lnTo>
                <a:lnTo>
                  <a:pt x="2519842" y="2013806"/>
                </a:lnTo>
                <a:close/>
                <a:moveTo>
                  <a:pt x="2385490" y="2011621"/>
                </a:moveTo>
                <a:lnTo>
                  <a:pt x="2385490" y="2025099"/>
                </a:lnTo>
                <a:lnTo>
                  <a:pt x="2398970" y="2025099"/>
                </a:lnTo>
                <a:lnTo>
                  <a:pt x="2398970" y="2011621"/>
                </a:lnTo>
                <a:close/>
                <a:moveTo>
                  <a:pt x="2259803" y="2009031"/>
                </a:moveTo>
                <a:lnTo>
                  <a:pt x="2259803" y="2027693"/>
                </a:lnTo>
                <a:lnTo>
                  <a:pt x="2278467" y="2027693"/>
                </a:lnTo>
                <a:lnTo>
                  <a:pt x="2278467" y="2009031"/>
                </a:lnTo>
                <a:close/>
                <a:moveTo>
                  <a:pt x="2133709" y="2005956"/>
                </a:moveTo>
                <a:lnTo>
                  <a:pt x="2133709" y="2030730"/>
                </a:lnTo>
                <a:lnTo>
                  <a:pt x="2158483" y="2030730"/>
                </a:lnTo>
                <a:lnTo>
                  <a:pt x="2158483" y="2005956"/>
                </a:lnTo>
                <a:close/>
                <a:moveTo>
                  <a:pt x="2007615" y="2002919"/>
                </a:moveTo>
                <a:lnTo>
                  <a:pt x="2007615" y="2033765"/>
                </a:lnTo>
                <a:lnTo>
                  <a:pt x="2038463" y="2033765"/>
                </a:lnTo>
                <a:lnTo>
                  <a:pt x="2038463" y="2002919"/>
                </a:lnTo>
                <a:close/>
                <a:moveTo>
                  <a:pt x="1881299" y="1999658"/>
                </a:moveTo>
                <a:lnTo>
                  <a:pt x="1881299" y="2037027"/>
                </a:lnTo>
                <a:lnTo>
                  <a:pt x="1918664" y="2037027"/>
                </a:lnTo>
                <a:lnTo>
                  <a:pt x="1918664" y="1999658"/>
                </a:lnTo>
                <a:close/>
                <a:moveTo>
                  <a:pt x="1754761" y="1996214"/>
                </a:moveTo>
                <a:lnTo>
                  <a:pt x="1754761" y="2040505"/>
                </a:lnTo>
                <a:lnTo>
                  <a:pt x="1799051" y="2040505"/>
                </a:lnTo>
                <a:lnTo>
                  <a:pt x="1799051" y="1996214"/>
                </a:lnTo>
                <a:close/>
                <a:moveTo>
                  <a:pt x="1628222" y="1992733"/>
                </a:moveTo>
                <a:lnTo>
                  <a:pt x="1628222" y="2043987"/>
                </a:lnTo>
                <a:lnTo>
                  <a:pt x="1679474" y="2043987"/>
                </a:lnTo>
                <a:lnTo>
                  <a:pt x="1679474" y="1992733"/>
                </a:lnTo>
                <a:close/>
                <a:moveTo>
                  <a:pt x="1501684" y="1989256"/>
                </a:moveTo>
                <a:lnTo>
                  <a:pt x="1501684" y="2047469"/>
                </a:lnTo>
                <a:lnTo>
                  <a:pt x="1559898" y="2047469"/>
                </a:lnTo>
                <a:lnTo>
                  <a:pt x="1559898" y="1989256"/>
                </a:lnTo>
                <a:close/>
                <a:moveTo>
                  <a:pt x="1375368" y="1985993"/>
                </a:moveTo>
                <a:lnTo>
                  <a:pt x="1375368" y="2050726"/>
                </a:lnTo>
                <a:lnTo>
                  <a:pt x="1440100" y="2050726"/>
                </a:lnTo>
                <a:lnTo>
                  <a:pt x="1440100" y="1985993"/>
                </a:lnTo>
                <a:close/>
                <a:moveTo>
                  <a:pt x="1249274" y="1982959"/>
                </a:moveTo>
                <a:lnTo>
                  <a:pt x="1249274" y="2053763"/>
                </a:lnTo>
                <a:lnTo>
                  <a:pt x="1320079" y="2053763"/>
                </a:lnTo>
                <a:lnTo>
                  <a:pt x="1320079" y="1982959"/>
                </a:lnTo>
                <a:close/>
                <a:moveTo>
                  <a:pt x="1123180" y="1979921"/>
                </a:moveTo>
                <a:lnTo>
                  <a:pt x="1123180" y="2056799"/>
                </a:lnTo>
                <a:lnTo>
                  <a:pt x="1200058" y="2056799"/>
                </a:lnTo>
                <a:lnTo>
                  <a:pt x="1200058" y="1979921"/>
                </a:lnTo>
                <a:close/>
                <a:moveTo>
                  <a:pt x="997308" y="1977105"/>
                </a:moveTo>
                <a:lnTo>
                  <a:pt x="997308" y="2059616"/>
                </a:lnTo>
                <a:lnTo>
                  <a:pt x="1079815" y="2059616"/>
                </a:lnTo>
                <a:lnTo>
                  <a:pt x="1079815" y="1977105"/>
                </a:lnTo>
                <a:close/>
                <a:moveTo>
                  <a:pt x="871844" y="1974737"/>
                </a:moveTo>
                <a:lnTo>
                  <a:pt x="871844" y="2062024"/>
                </a:lnTo>
                <a:lnTo>
                  <a:pt x="959128" y="2062024"/>
                </a:lnTo>
                <a:lnTo>
                  <a:pt x="959128" y="1974737"/>
                </a:lnTo>
                <a:close/>
                <a:moveTo>
                  <a:pt x="746602" y="1972513"/>
                </a:moveTo>
                <a:lnTo>
                  <a:pt x="746602" y="2064169"/>
                </a:lnTo>
                <a:lnTo>
                  <a:pt x="838256" y="2064169"/>
                </a:lnTo>
                <a:lnTo>
                  <a:pt x="838256" y="1972513"/>
                </a:lnTo>
                <a:close/>
                <a:moveTo>
                  <a:pt x="622026" y="1970995"/>
                </a:moveTo>
                <a:lnTo>
                  <a:pt x="622026" y="2065690"/>
                </a:lnTo>
                <a:lnTo>
                  <a:pt x="716717" y="2065690"/>
                </a:lnTo>
                <a:lnTo>
                  <a:pt x="716717" y="1970995"/>
                </a:lnTo>
                <a:close/>
                <a:moveTo>
                  <a:pt x="497672" y="1969699"/>
                </a:moveTo>
                <a:lnTo>
                  <a:pt x="497672" y="2066982"/>
                </a:lnTo>
                <a:lnTo>
                  <a:pt x="594955" y="2066982"/>
                </a:lnTo>
                <a:lnTo>
                  <a:pt x="594955" y="1969699"/>
                </a:lnTo>
                <a:close/>
                <a:moveTo>
                  <a:pt x="373949" y="1969073"/>
                </a:moveTo>
                <a:lnTo>
                  <a:pt x="373949" y="2067652"/>
                </a:lnTo>
                <a:lnTo>
                  <a:pt x="472528" y="2067652"/>
                </a:lnTo>
                <a:lnTo>
                  <a:pt x="472528" y="1969073"/>
                </a:lnTo>
                <a:close/>
                <a:moveTo>
                  <a:pt x="4777" y="1969073"/>
                </a:moveTo>
                <a:lnTo>
                  <a:pt x="4777" y="2067652"/>
                </a:lnTo>
                <a:lnTo>
                  <a:pt x="103356" y="2067652"/>
                </a:lnTo>
                <a:lnTo>
                  <a:pt x="103356" y="1969073"/>
                </a:lnTo>
                <a:close/>
                <a:moveTo>
                  <a:pt x="250262" y="1968405"/>
                </a:moveTo>
                <a:lnTo>
                  <a:pt x="250262" y="2068317"/>
                </a:lnTo>
                <a:lnTo>
                  <a:pt x="350174" y="2068317"/>
                </a:lnTo>
                <a:lnTo>
                  <a:pt x="350174" y="1968405"/>
                </a:lnTo>
                <a:close/>
                <a:moveTo>
                  <a:pt x="126760" y="1967957"/>
                </a:moveTo>
                <a:lnTo>
                  <a:pt x="126760" y="2068725"/>
                </a:lnTo>
                <a:lnTo>
                  <a:pt x="227524" y="2068725"/>
                </a:lnTo>
                <a:lnTo>
                  <a:pt x="227524" y="1967957"/>
                </a:lnTo>
                <a:close/>
                <a:moveTo>
                  <a:pt x="3499523" y="1895081"/>
                </a:moveTo>
                <a:lnTo>
                  <a:pt x="3499523" y="1895523"/>
                </a:lnTo>
                <a:lnTo>
                  <a:pt x="3499967" y="1895523"/>
                </a:lnTo>
                <a:lnTo>
                  <a:pt x="3499967" y="1895081"/>
                </a:lnTo>
                <a:close/>
                <a:moveTo>
                  <a:pt x="3376466" y="1895081"/>
                </a:moveTo>
                <a:lnTo>
                  <a:pt x="3376466" y="1895523"/>
                </a:lnTo>
                <a:lnTo>
                  <a:pt x="3376910" y="1895523"/>
                </a:lnTo>
                <a:lnTo>
                  <a:pt x="3376910" y="1895081"/>
                </a:lnTo>
                <a:close/>
                <a:moveTo>
                  <a:pt x="3253408" y="1895081"/>
                </a:moveTo>
                <a:lnTo>
                  <a:pt x="3253408" y="1895523"/>
                </a:lnTo>
                <a:lnTo>
                  <a:pt x="3253852" y="1895523"/>
                </a:lnTo>
                <a:lnTo>
                  <a:pt x="3253852" y="1895081"/>
                </a:lnTo>
                <a:close/>
                <a:moveTo>
                  <a:pt x="3130351" y="1895081"/>
                </a:moveTo>
                <a:lnTo>
                  <a:pt x="3130351" y="1895523"/>
                </a:lnTo>
                <a:lnTo>
                  <a:pt x="3130795" y="1895523"/>
                </a:lnTo>
                <a:lnTo>
                  <a:pt x="3130795" y="1895081"/>
                </a:lnTo>
                <a:close/>
                <a:moveTo>
                  <a:pt x="3007294" y="1895081"/>
                </a:moveTo>
                <a:lnTo>
                  <a:pt x="3007294" y="1895523"/>
                </a:lnTo>
                <a:lnTo>
                  <a:pt x="3007738" y="1895523"/>
                </a:lnTo>
                <a:lnTo>
                  <a:pt x="3007738" y="1895081"/>
                </a:lnTo>
                <a:close/>
                <a:moveTo>
                  <a:pt x="2883792" y="1894635"/>
                </a:moveTo>
                <a:lnTo>
                  <a:pt x="2883792" y="1895930"/>
                </a:lnTo>
                <a:lnTo>
                  <a:pt x="2885088" y="1895930"/>
                </a:lnTo>
                <a:lnTo>
                  <a:pt x="2885088" y="1894635"/>
                </a:lnTo>
                <a:close/>
                <a:moveTo>
                  <a:pt x="2760105" y="1894008"/>
                </a:moveTo>
                <a:lnTo>
                  <a:pt x="2760105" y="1896598"/>
                </a:lnTo>
                <a:lnTo>
                  <a:pt x="2762697" y="1896598"/>
                </a:lnTo>
                <a:lnTo>
                  <a:pt x="2762697" y="1894008"/>
                </a:lnTo>
                <a:close/>
                <a:moveTo>
                  <a:pt x="2635937" y="1892894"/>
                </a:moveTo>
                <a:lnTo>
                  <a:pt x="2635937" y="1897672"/>
                </a:lnTo>
                <a:lnTo>
                  <a:pt x="2640714" y="1897672"/>
                </a:lnTo>
                <a:lnTo>
                  <a:pt x="2640714" y="1892894"/>
                </a:lnTo>
                <a:close/>
                <a:moveTo>
                  <a:pt x="2511139" y="1891153"/>
                </a:moveTo>
                <a:lnTo>
                  <a:pt x="2511139" y="1899413"/>
                </a:lnTo>
                <a:lnTo>
                  <a:pt x="2519397" y="1899413"/>
                </a:lnTo>
                <a:lnTo>
                  <a:pt x="2519397" y="1891153"/>
                </a:lnTo>
                <a:close/>
                <a:moveTo>
                  <a:pt x="2385712" y="1888786"/>
                </a:moveTo>
                <a:lnTo>
                  <a:pt x="2385712" y="1901821"/>
                </a:lnTo>
                <a:lnTo>
                  <a:pt x="2398747" y="1901821"/>
                </a:lnTo>
                <a:lnTo>
                  <a:pt x="2398747" y="1888786"/>
                </a:lnTo>
                <a:close/>
                <a:moveTo>
                  <a:pt x="2259803" y="1885970"/>
                </a:moveTo>
                <a:lnTo>
                  <a:pt x="2259803" y="1904636"/>
                </a:lnTo>
                <a:lnTo>
                  <a:pt x="2278467" y="1904636"/>
                </a:lnTo>
                <a:lnTo>
                  <a:pt x="2278467" y="1885970"/>
                </a:lnTo>
                <a:close/>
                <a:moveTo>
                  <a:pt x="2133487" y="1882712"/>
                </a:moveTo>
                <a:lnTo>
                  <a:pt x="2133487" y="1907894"/>
                </a:lnTo>
                <a:lnTo>
                  <a:pt x="2158669" y="1907894"/>
                </a:lnTo>
                <a:lnTo>
                  <a:pt x="2158669" y="1882712"/>
                </a:lnTo>
                <a:close/>
                <a:moveTo>
                  <a:pt x="2007171" y="1879450"/>
                </a:moveTo>
                <a:lnTo>
                  <a:pt x="2007171" y="1911151"/>
                </a:lnTo>
                <a:lnTo>
                  <a:pt x="2038870" y="1911151"/>
                </a:lnTo>
                <a:lnTo>
                  <a:pt x="2038870" y="1879450"/>
                </a:lnTo>
                <a:close/>
                <a:moveTo>
                  <a:pt x="1880632" y="1875973"/>
                </a:moveTo>
                <a:lnTo>
                  <a:pt x="1880632" y="1914633"/>
                </a:lnTo>
                <a:lnTo>
                  <a:pt x="1919293" y="1914633"/>
                </a:lnTo>
                <a:lnTo>
                  <a:pt x="1919293" y="1875973"/>
                </a:lnTo>
                <a:close/>
                <a:moveTo>
                  <a:pt x="1754131" y="1872492"/>
                </a:moveTo>
                <a:lnTo>
                  <a:pt x="1754131" y="1918078"/>
                </a:lnTo>
                <a:lnTo>
                  <a:pt x="1799717" y="1918078"/>
                </a:lnTo>
                <a:lnTo>
                  <a:pt x="1799717" y="1872492"/>
                </a:lnTo>
                <a:close/>
                <a:moveTo>
                  <a:pt x="1627371" y="1868785"/>
                </a:moveTo>
                <a:lnTo>
                  <a:pt x="1627371" y="1921779"/>
                </a:lnTo>
                <a:lnTo>
                  <a:pt x="1680364" y="1921779"/>
                </a:lnTo>
                <a:lnTo>
                  <a:pt x="1680364" y="1868785"/>
                </a:lnTo>
                <a:close/>
                <a:moveTo>
                  <a:pt x="1500610" y="1865121"/>
                </a:moveTo>
                <a:lnTo>
                  <a:pt x="1500610" y="1925485"/>
                </a:lnTo>
                <a:lnTo>
                  <a:pt x="1560972" y="1925485"/>
                </a:lnTo>
                <a:lnTo>
                  <a:pt x="1560972" y="1865121"/>
                </a:lnTo>
                <a:close/>
                <a:moveTo>
                  <a:pt x="1374072" y="1861641"/>
                </a:moveTo>
                <a:lnTo>
                  <a:pt x="1374072" y="1928963"/>
                </a:lnTo>
                <a:lnTo>
                  <a:pt x="1441396" y="1928963"/>
                </a:lnTo>
                <a:lnTo>
                  <a:pt x="1441396" y="1861641"/>
                </a:lnTo>
                <a:close/>
                <a:moveTo>
                  <a:pt x="1247756" y="1858381"/>
                </a:moveTo>
                <a:lnTo>
                  <a:pt x="1247756" y="1932224"/>
                </a:lnTo>
                <a:lnTo>
                  <a:pt x="1321598" y="1932224"/>
                </a:lnTo>
                <a:lnTo>
                  <a:pt x="1321598" y="1858381"/>
                </a:lnTo>
                <a:close/>
                <a:moveTo>
                  <a:pt x="1121439" y="1855124"/>
                </a:moveTo>
                <a:lnTo>
                  <a:pt x="1121439" y="1935482"/>
                </a:lnTo>
                <a:lnTo>
                  <a:pt x="1201798" y="1935482"/>
                </a:lnTo>
                <a:lnTo>
                  <a:pt x="1201798" y="1855124"/>
                </a:lnTo>
                <a:close/>
                <a:moveTo>
                  <a:pt x="995568" y="1852309"/>
                </a:moveTo>
                <a:lnTo>
                  <a:pt x="995568" y="1938296"/>
                </a:lnTo>
                <a:lnTo>
                  <a:pt x="1081556" y="1938296"/>
                </a:lnTo>
                <a:lnTo>
                  <a:pt x="1081556" y="1852309"/>
                </a:lnTo>
                <a:close/>
                <a:moveTo>
                  <a:pt x="869881" y="1849678"/>
                </a:moveTo>
                <a:lnTo>
                  <a:pt x="869881" y="1940888"/>
                </a:lnTo>
                <a:lnTo>
                  <a:pt x="961091" y="1940888"/>
                </a:lnTo>
                <a:lnTo>
                  <a:pt x="961091" y="1849678"/>
                </a:lnTo>
                <a:close/>
                <a:moveTo>
                  <a:pt x="744676" y="1847529"/>
                </a:moveTo>
                <a:lnTo>
                  <a:pt x="744676" y="1943072"/>
                </a:lnTo>
                <a:lnTo>
                  <a:pt x="840219" y="1943072"/>
                </a:lnTo>
                <a:lnTo>
                  <a:pt x="840219" y="1847529"/>
                </a:lnTo>
                <a:close/>
                <a:moveTo>
                  <a:pt x="619878" y="1845788"/>
                </a:moveTo>
                <a:lnTo>
                  <a:pt x="619878" y="1944814"/>
                </a:lnTo>
                <a:lnTo>
                  <a:pt x="718902" y="1944814"/>
                </a:lnTo>
                <a:lnTo>
                  <a:pt x="718902" y="1845788"/>
                </a:lnTo>
                <a:close/>
                <a:moveTo>
                  <a:pt x="495932" y="1844903"/>
                </a:moveTo>
                <a:lnTo>
                  <a:pt x="495932" y="1945665"/>
                </a:lnTo>
                <a:lnTo>
                  <a:pt x="596696" y="1945665"/>
                </a:lnTo>
                <a:lnTo>
                  <a:pt x="596696" y="1844903"/>
                </a:lnTo>
                <a:close/>
                <a:moveTo>
                  <a:pt x="3258" y="1844494"/>
                </a:moveTo>
                <a:lnTo>
                  <a:pt x="3258" y="1946110"/>
                </a:lnTo>
                <a:lnTo>
                  <a:pt x="104874" y="1946110"/>
                </a:lnTo>
                <a:lnTo>
                  <a:pt x="104874" y="1844494"/>
                </a:lnTo>
                <a:close/>
                <a:moveTo>
                  <a:pt x="371986" y="1844049"/>
                </a:moveTo>
                <a:lnTo>
                  <a:pt x="371986" y="1946554"/>
                </a:lnTo>
                <a:lnTo>
                  <a:pt x="474491" y="1946554"/>
                </a:lnTo>
                <a:lnTo>
                  <a:pt x="474491" y="1844049"/>
                </a:lnTo>
                <a:close/>
                <a:moveTo>
                  <a:pt x="248521" y="1843605"/>
                </a:moveTo>
                <a:lnTo>
                  <a:pt x="248521" y="1946963"/>
                </a:lnTo>
                <a:lnTo>
                  <a:pt x="351877" y="1946963"/>
                </a:lnTo>
                <a:lnTo>
                  <a:pt x="351877" y="1843605"/>
                </a:lnTo>
                <a:close/>
                <a:moveTo>
                  <a:pt x="125242" y="1843382"/>
                </a:moveTo>
                <a:lnTo>
                  <a:pt x="125242" y="1947183"/>
                </a:lnTo>
                <a:lnTo>
                  <a:pt x="229043" y="1947183"/>
                </a:lnTo>
                <a:lnTo>
                  <a:pt x="229043" y="1843382"/>
                </a:lnTo>
                <a:close/>
                <a:moveTo>
                  <a:pt x="3253408" y="1772021"/>
                </a:moveTo>
                <a:lnTo>
                  <a:pt x="3253408" y="1772464"/>
                </a:lnTo>
                <a:lnTo>
                  <a:pt x="3253852" y="1772464"/>
                </a:lnTo>
                <a:lnTo>
                  <a:pt x="3253852" y="1772021"/>
                </a:lnTo>
                <a:close/>
                <a:moveTo>
                  <a:pt x="3130351" y="1772021"/>
                </a:moveTo>
                <a:lnTo>
                  <a:pt x="3130351" y="1772464"/>
                </a:lnTo>
                <a:lnTo>
                  <a:pt x="3130795" y="1772464"/>
                </a:lnTo>
                <a:lnTo>
                  <a:pt x="3130795" y="1772021"/>
                </a:lnTo>
                <a:close/>
                <a:moveTo>
                  <a:pt x="3007294" y="1772021"/>
                </a:moveTo>
                <a:lnTo>
                  <a:pt x="3007294" y="1772464"/>
                </a:lnTo>
                <a:lnTo>
                  <a:pt x="3007738" y="1772464"/>
                </a:lnTo>
                <a:lnTo>
                  <a:pt x="3007738" y="1772021"/>
                </a:lnTo>
                <a:close/>
                <a:moveTo>
                  <a:pt x="2884237" y="1772021"/>
                </a:moveTo>
                <a:lnTo>
                  <a:pt x="2884237" y="1772464"/>
                </a:lnTo>
                <a:lnTo>
                  <a:pt x="2884681" y="1772464"/>
                </a:lnTo>
                <a:lnTo>
                  <a:pt x="2884681" y="1772021"/>
                </a:lnTo>
                <a:close/>
                <a:moveTo>
                  <a:pt x="2760735" y="1771576"/>
                </a:moveTo>
                <a:lnTo>
                  <a:pt x="2760735" y="1772876"/>
                </a:lnTo>
                <a:lnTo>
                  <a:pt x="2762031" y="1772876"/>
                </a:lnTo>
                <a:lnTo>
                  <a:pt x="2762031" y="1771576"/>
                </a:lnTo>
                <a:close/>
                <a:moveTo>
                  <a:pt x="2636381" y="1770244"/>
                </a:moveTo>
                <a:lnTo>
                  <a:pt x="2636381" y="1774169"/>
                </a:lnTo>
                <a:lnTo>
                  <a:pt x="2640306" y="1774169"/>
                </a:lnTo>
                <a:lnTo>
                  <a:pt x="2640306" y="1770244"/>
                </a:lnTo>
                <a:close/>
                <a:moveTo>
                  <a:pt x="2511584" y="1768539"/>
                </a:moveTo>
                <a:lnTo>
                  <a:pt x="2511584" y="1775910"/>
                </a:lnTo>
                <a:lnTo>
                  <a:pt x="2518953" y="1775910"/>
                </a:lnTo>
                <a:lnTo>
                  <a:pt x="2518953" y="1768539"/>
                </a:lnTo>
                <a:close/>
                <a:moveTo>
                  <a:pt x="2385712" y="1765725"/>
                </a:moveTo>
                <a:lnTo>
                  <a:pt x="2385712" y="1778761"/>
                </a:lnTo>
                <a:lnTo>
                  <a:pt x="2398747" y="1778761"/>
                </a:lnTo>
                <a:lnTo>
                  <a:pt x="2398747" y="1765725"/>
                </a:lnTo>
                <a:close/>
                <a:moveTo>
                  <a:pt x="2259618" y="1762686"/>
                </a:moveTo>
                <a:lnTo>
                  <a:pt x="2259618" y="1781798"/>
                </a:lnTo>
                <a:lnTo>
                  <a:pt x="2278726" y="1781798"/>
                </a:lnTo>
                <a:lnTo>
                  <a:pt x="2278726" y="1762686"/>
                </a:lnTo>
                <a:close/>
                <a:moveTo>
                  <a:pt x="2133302" y="1759429"/>
                </a:moveTo>
                <a:lnTo>
                  <a:pt x="2133302" y="1785055"/>
                </a:lnTo>
                <a:lnTo>
                  <a:pt x="2158928" y="1785055"/>
                </a:lnTo>
                <a:lnTo>
                  <a:pt x="2158928" y="1759429"/>
                </a:lnTo>
                <a:close/>
                <a:moveTo>
                  <a:pt x="2006763" y="1755910"/>
                </a:moveTo>
                <a:lnTo>
                  <a:pt x="2006763" y="1788501"/>
                </a:lnTo>
                <a:lnTo>
                  <a:pt x="2039351" y="1788501"/>
                </a:lnTo>
                <a:lnTo>
                  <a:pt x="2039351" y="1755910"/>
                </a:lnTo>
                <a:close/>
                <a:moveTo>
                  <a:pt x="1880225" y="1752468"/>
                </a:moveTo>
                <a:lnTo>
                  <a:pt x="1880225" y="1791983"/>
                </a:lnTo>
                <a:lnTo>
                  <a:pt x="1919738" y="1791983"/>
                </a:lnTo>
                <a:lnTo>
                  <a:pt x="1919738" y="1752468"/>
                </a:lnTo>
                <a:close/>
                <a:moveTo>
                  <a:pt x="1753242" y="1748579"/>
                </a:moveTo>
                <a:lnTo>
                  <a:pt x="1753242" y="1795908"/>
                </a:lnTo>
                <a:lnTo>
                  <a:pt x="1800569" y="1795908"/>
                </a:lnTo>
                <a:lnTo>
                  <a:pt x="1800569" y="1748579"/>
                </a:lnTo>
                <a:close/>
                <a:moveTo>
                  <a:pt x="1626482" y="1744875"/>
                </a:moveTo>
                <a:lnTo>
                  <a:pt x="1626482" y="1799610"/>
                </a:lnTo>
                <a:lnTo>
                  <a:pt x="1681215" y="1799610"/>
                </a:lnTo>
                <a:lnTo>
                  <a:pt x="1681215" y="1744875"/>
                </a:lnTo>
                <a:close/>
                <a:moveTo>
                  <a:pt x="1499758" y="1741174"/>
                </a:moveTo>
                <a:lnTo>
                  <a:pt x="1499758" y="1803275"/>
                </a:lnTo>
                <a:lnTo>
                  <a:pt x="1561861" y="1803275"/>
                </a:lnTo>
                <a:lnTo>
                  <a:pt x="1561861" y="1741174"/>
                </a:lnTo>
                <a:close/>
                <a:moveTo>
                  <a:pt x="1372998" y="1737468"/>
                </a:moveTo>
                <a:lnTo>
                  <a:pt x="1372998" y="1806979"/>
                </a:lnTo>
                <a:lnTo>
                  <a:pt x="1442507" y="1806979"/>
                </a:lnTo>
                <a:lnTo>
                  <a:pt x="1442507" y="1737468"/>
                </a:lnTo>
                <a:close/>
                <a:moveTo>
                  <a:pt x="1246459" y="1734027"/>
                </a:moveTo>
                <a:lnTo>
                  <a:pt x="1246459" y="1810463"/>
                </a:lnTo>
                <a:lnTo>
                  <a:pt x="1322893" y="1810463"/>
                </a:lnTo>
                <a:lnTo>
                  <a:pt x="1322893" y="1734027"/>
                </a:lnTo>
                <a:close/>
                <a:moveTo>
                  <a:pt x="1119921" y="1730545"/>
                </a:moveTo>
                <a:lnTo>
                  <a:pt x="1119921" y="1813942"/>
                </a:lnTo>
                <a:lnTo>
                  <a:pt x="1203317" y="1813942"/>
                </a:lnTo>
                <a:lnTo>
                  <a:pt x="1203317" y="1730545"/>
                </a:lnTo>
                <a:close/>
                <a:moveTo>
                  <a:pt x="993827" y="1727507"/>
                </a:moveTo>
                <a:lnTo>
                  <a:pt x="993827" y="1816978"/>
                </a:lnTo>
                <a:lnTo>
                  <a:pt x="1083296" y="1816978"/>
                </a:lnTo>
                <a:lnTo>
                  <a:pt x="1083296" y="1727507"/>
                </a:lnTo>
                <a:close/>
                <a:moveTo>
                  <a:pt x="867918" y="1724654"/>
                </a:moveTo>
                <a:lnTo>
                  <a:pt x="867918" y="1819792"/>
                </a:lnTo>
                <a:lnTo>
                  <a:pt x="963053" y="1819792"/>
                </a:lnTo>
                <a:lnTo>
                  <a:pt x="963053" y="1724654"/>
                </a:lnTo>
                <a:close/>
                <a:moveTo>
                  <a:pt x="742713" y="1722508"/>
                </a:moveTo>
                <a:lnTo>
                  <a:pt x="742713" y="1821974"/>
                </a:lnTo>
                <a:lnTo>
                  <a:pt x="842181" y="1821974"/>
                </a:lnTo>
                <a:lnTo>
                  <a:pt x="842181" y="1722508"/>
                </a:lnTo>
                <a:close/>
                <a:moveTo>
                  <a:pt x="618138" y="1720992"/>
                </a:moveTo>
                <a:lnTo>
                  <a:pt x="618138" y="1823497"/>
                </a:lnTo>
                <a:lnTo>
                  <a:pt x="720643" y="1823497"/>
                </a:lnTo>
                <a:lnTo>
                  <a:pt x="720643" y="1720992"/>
                </a:lnTo>
                <a:close/>
                <a:moveTo>
                  <a:pt x="494191" y="1720102"/>
                </a:moveTo>
                <a:lnTo>
                  <a:pt x="494191" y="1824348"/>
                </a:lnTo>
                <a:lnTo>
                  <a:pt x="598436" y="1824348"/>
                </a:lnTo>
                <a:lnTo>
                  <a:pt x="598436" y="1720102"/>
                </a:lnTo>
                <a:close/>
                <a:moveTo>
                  <a:pt x="1962" y="1720102"/>
                </a:moveTo>
                <a:lnTo>
                  <a:pt x="1962" y="1824348"/>
                </a:lnTo>
                <a:lnTo>
                  <a:pt x="106207" y="1824348"/>
                </a:lnTo>
                <a:lnTo>
                  <a:pt x="106207" y="1720102"/>
                </a:lnTo>
                <a:close/>
                <a:moveTo>
                  <a:pt x="370468" y="1719474"/>
                </a:moveTo>
                <a:lnTo>
                  <a:pt x="370468" y="1825015"/>
                </a:lnTo>
                <a:lnTo>
                  <a:pt x="476009" y="1825015"/>
                </a:lnTo>
                <a:lnTo>
                  <a:pt x="476009" y="1719474"/>
                </a:lnTo>
                <a:close/>
                <a:moveTo>
                  <a:pt x="247003" y="1719027"/>
                </a:moveTo>
                <a:lnTo>
                  <a:pt x="247003" y="1825422"/>
                </a:lnTo>
                <a:lnTo>
                  <a:pt x="353396" y="1825422"/>
                </a:lnTo>
                <a:lnTo>
                  <a:pt x="353396" y="1719027"/>
                </a:lnTo>
                <a:close/>
                <a:moveTo>
                  <a:pt x="123723" y="1718804"/>
                </a:moveTo>
                <a:lnTo>
                  <a:pt x="123723" y="1825646"/>
                </a:lnTo>
                <a:lnTo>
                  <a:pt x="230560" y="1825646"/>
                </a:lnTo>
                <a:lnTo>
                  <a:pt x="230560" y="1718804"/>
                </a:lnTo>
                <a:close/>
                <a:moveTo>
                  <a:pt x="3130351" y="1648925"/>
                </a:moveTo>
                <a:lnTo>
                  <a:pt x="3130351" y="1649369"/>
                </a:lnTo>
                <a:lnTo>
                  <a:pt x="3130795" y="1649369"/>
                </a:lnTo>
                <a:lnTo>
                  <a:pt x="3130795" y="1648925"/>
                </a:lnTo>
                <a:close/>
                <a:moveTo>
                  <a:pt x="3007294" y="1648925"/>
                </a:moveTo>
                <a:lnTo>
                  <a:pt x="3007294" y="1649369"/>
                </a:lnTo>
                <a:lnTo>
                  <a:pt x="3007738" y="1649369"/>
                </a:lnTo>
                <a:lnTo>
                  <a:pt x="3007738" y="1648925"/>
                </a:lnTo>
                <a:close/>
                <a:moveTo>
                  <a:pt x="2884237" y="1648925"/>
                </a:moveTo>
                <a:lnTo>
                  <a:pt x="2884237" y="1649369"/>
                </a:lnTo>
                <a:lnTo>
                  <a:pt x="2884681" y="1649369"/>
                </a:lnTo>
                <a:lnTo>
                  <a:pt x="2884681" y="1648925"/>
                </a:lnTo>
                <a:close/>
                <a:moveTo>
                  <a:pt x="2761179" y="1648925"/>
                </a:moveTo>
                <a:lnTo>
                  <a:pt x="2761179" y="1649369"/>
                </a:lnTo>
                <a:lnTo>
                  <a:pt x="2761623" y="1649369"/>
                </a:lnTo>
                <a:lnTo>
                  <a:pt x="2761623" y="1648925"/>
                </a:lnTo>
                <a:close/>
                <a:moveTo>
                  <a:pt x="2636826" y="1647666"/>
                </a:moveTo>
                <a:lnTo>
                  <a:pt x="2636826" y="1650702"/>
                </a:lnTo>
                <a:lnTo>
                  <a:pt x="2639863" y="1650702"/>
                </a:lnTo>
                <a:lnTo>
                  <a:pt x="2639863" y="1647666"/>
                </a:lnTo>
                <a:close/>
                <a:moveTo>
                  <a:pt x="2511584" y="1645479"/>
                </a:moveTo>
                <a:lnTo>
                  <a:pt x="2511584" y="1652850"/>
                </a:lnTo>
                <a:lnTo>
                  <a:pt x="2518953" y="1652850"/>
                </a:lnTo>
                <a:lnTo>
                  <a:pt x="2518953" y="1645479"/>
                </a:lnTo>
                <a:close/>
                <a:moveTo>
                  <a:pt x="2385490" y="1642409"/>
                </a:moveTo>
                <a:lnTo>
                  <a:pt x="2385490" y="1655888"/>
                </a:lnTo>
                <a:lnTo>
                  <a:pt x="2398970" y="1655888"/>
                </a:lnTo>
                <a:lnTo>
                  <a:pt x="2398970" y="1642409"/>
                </a:lnTo>
                <a:close/>
                <a:moveTo>
                  <a:pt x="2259173" y="1639151"/>
                </a:moveTo>
                <a:lnTo>
                  <a:pt x="2259173" y="1659144"/>
                </a:lnTo>
                <a:lnTo>
                  <a:pt x="2279170" y="1659144"/>
                </a:lnTo>
                <a:lnTo>
                  <a:pt x="2279170" y="1639151"/>
                </a:lnTo>
                <a:close/>
                <a:moveTo>
                  <a:pt x="2133080" y="1636111"/>
                </a:moveTo>
                <a:lnTo>
                  <a:pt x="2133080" y="1662183"/>
                </a:lnTo>
                <a:lnTo>
                  <a:pt x="2159150" y="1662183"/>
                </a:lnTo>
                <a:lnTo>
                  <a:pt x="2159150" y="1636111"/>
                </a:lnTo>
                <a:close/>
                <a:moveTo>
                  <a:pt x="2006319" y="1632448"/>
                </a:moveTo>
                <a:lnTo>
                  <a:pt x="2006319" y="1665886"/>
                </a:lnTo>
                <a:lnTo>
                  <a:pt x="2039759" y="1665886"/>
                </a:lnTo>
                <a:lnTo>
                  <a:pt x="2039759" y="1632448"/>
                </a:lnTo>
                <a:close/>
                <a:moveTo>
                  <a:pt x="1879558" y="1628778"/>
                </a:moveTo>
                <a:lnTo>
                  <a:pt x="1879558" y="1669590"/>
                </a:lnTo>
                <a:lnTo>
                  <a:pt x="1920367" y="1669590"/>
                </a:lnTo>
                <a:lnTo>
                  <a:pt x="1920367" y="1628778"/>
                </a:lnTo>
                <a:close/>
                <a:moveTo>
                  <a:pt x="1752576" y="1624818"/>
                </a:moveTo>
                <a:lnTo>
                  <a:pt x="1752576" y="1673480"/>
                </a:lnTo>
                <a:lnTo>
                  <a:pt x="1801236" y="1673480"/>
                </a:lnTo>
                <a:lnTo>
                  <a:pt x="1801236" y="1624818"/>
                </a:lnTo>
                <a:close/>
                <a:moveTo>
                  <a:pt x="1625630" y="1620928"/>
                </a:moveTo>
                <a:lnTo>
                  <a:pt x="1625630" y="1677403"/>
                </a:lnTo>
                <a:lnTo>
                  <a:pt x="1682104" y="1677403"/>
                </a:lnTo>
                <a:lnTo>
                  <a:pt x="1682104" y="1620928"/>
                </a:lnTo>
                <a:close/>
                <a:moveTo>
                  <a:pt x="1498870" y="1617263"/>
                </a:moveTo>
                <a:lnTo>
                  <a:pt x="1498870" y="1681105"/>
                </a:lnTo>
                <a:lnTo>
                  <a:pt x="1562713" y="1681105"/>
                </a:lnTo>
                <a:lnTo>
                  <a:pt x="1562713" y="1617263"/>
                </a:lnTo>
                <a:close/>
                <a:moveTo>
                  <a:pt x="1371887" y="1613339"/>
                </a:moveTo>
                <a:lnTo>
                  <a:pt x="1371887" y="1684994"/>
                </a:lnTo>
                <a:lnTo>
                  <a:pt x="1443544" y="1684994"/>
                </a:lnTo>
                <a:lnTo>
                  <a:pt x="1443544" y="1613339"/>
                </a:lnTo>
                <a:close/>
                <a:moveTo>
                  <a:pt x="1245386" y="1609857"/>
                </a:moveTo>
                <a:lnTo>
                  <a:pt x="1245386" y="1688476"/>
                </a:lnTo>
                <a:lnTo>
                  <a:pt x="1324005" y="1688476"/>
                </a:lnTo>
                <a:lnTo>
                  <a:pt x="1324005" y="1609857"/>
                </a:lnTo>
                <a:close/>
                <a:moveTo>
                  <a:pt x="1118847" y="1606375"/>
                </a:moveTo>
                <a:lnTo>
                  <a:pt x="1118847" y="1691957"/>
                </a:lnTo>
                <a:lnTo>
                  <a:pt x="1204428" y="1691957"/>
                </a:lnTo>
                <a:lnTo>
                  <a:pt x="1204428" y="1606375"/>
                </a:lnTo>
                <a:close/>
                <a:moveTo>
                  <a:pt x="992531" y="1603155"/>
                </a:moveTo>
                <a:lnTo>
                  <a:pt x="992531" y="1695216"/>
                </a:lnTo>
                <a:lnTo>
                  <a:pt x="1084592" y="1695216"/>
                </a:lnTo>
                <a:lnTo>
                  <a:pt x="1084592" y="1603155"/>
                </a:lnTo>
                <a:close/>
                <a:moveTo>
                  <a:pt x="866400" y="1600080"/>
                </a:moveTo>
                <a:lnTo>
                  <a:pt x="866400" y="1698253"/>
                </a:lnTo>
                <a:lnTo>
                  <a:pt x="964572" y="1698253"/>
                </a:lnTo>
                <a:lnTo>
                  <a:pt x="964572" y="1600080"/>
                </a:lnTo>
                <a:close/>
                <a:moveTo>
                  <a:pt x="740973" y="1597672"/>
                </a:moveTo>
                <a:lnTo>
                  <a:pt x="740973" y="1700622"/>
                </a:lnTo>
                <a:lnTo>
                  <a:pt x="843922" y="1700622"/>
                </a:lnTo>
                <a:lnTo>
                  <a:pt x="843922" y="1597672"/>
                </a:lnTo>
                <a:close/>
                <a:moveTo>
                  <a:pt x="616619" y="1596414"/>
                </a:moveTo>
                <a:lnTo>
                  <a:pt x="616619" y="1701954"/>
                </a:lnTo>
                <a:lnTo>
                  <a:pt x="722160" y="1701954"/>
                </a:lnTo>
                <a:lnTo>
                  <a:pt x="722160" y="1596414"/>
                </a:lnTo>
                <a:close/>
                <a:moveTo>
                  <a:pt x="1073" y="1596154"/>
                </a:moveTo>
                <a:lnTo>
                  <a:pt x="1073" y="1702142"/>
                </a:lnTo>
                <a:lnTo>
                  <a:pt x="107059" y="1702142"/>
                </a:lnTo>
                <a:lnTo>
                  <a:pt x="107059" y="1596154"/>
                </a:lnTo>
                <a:close/>
                <a:moveTo>
                  <a:pt x="492895" y="1595747"/>
                </a:moveTo>
                <a:lnTo>
                  <a:pt x="492895" y="1702584"/>
                </a:lnTo>
                <a:lnTo>
                  <a:pt x="599732" y="1702584"/>
                </a:lnTo>
                <a:lnTo>
                  <a:pt x="599732" y="1595747"/>
                </a:lnTo>
                <a:close/>
                <a:moveTo>
                  <a:pt x="369171" y="1595117"/>
                </a:moveTo>
                <a:lnTo>
                  <a:pt x="369171" y="1703253"/>
                </a:lnTo>
                <a:lnTo>
                  <a:pt x="477304" y="1703253"/>
                </a:lnTo>
                <a:lnTo>
                  <a:pt x="477304" y="1595117"/>
                </a:lnTo>
                <a:close/>
                <a:moveTo>
                  <a:pt x="245892" y="1594897"/>
                </a:moveTo>
                <a:lnTo>
                  <a:pt x="245892" y="1703475"/>
                </a:lnTo>
                <a:lnTo>
                  <a:pt x="354470" y="1703475"/>
                </a:lnTo>
                <a:lnTo>
                  <a:pt x="354470" y="1594897"/>
                </a:lnTo>
                <a:close/>
                <a:moveTo>
                  <a:pt x="122835" y="1594897"/>
                </a:moveTo>
                <a:lnTo>
                  <a:pt x="122835" y="1703475"/>
                </a:lnTo>
                <a:lnTo>
                  <a:pt x="231413" y="1703475"/>
                </a:lnTo>
                <a:lnTo>
                  <a:pt x="231413" y="1594897"/>
                </a:lnTo>
                <a:close/>
                <a:moveTo>
                  <a:pt x="3622617" y="1525867"/>
                </a:moveTo>
                <a:lnTo>
                  <a:pt x="3622617" y="1526310"/>
                </a:lnTo>
                <a:lnTo>
                  <a:pt x="3623061" y="1526310"/>
                </a:lnTo>
                <a:lnTo>
                  <a:pt x="3623061" y="1525867"/>
                </a:lnTo>
                <a:close/>
                <a:moveTo>
                  <a:pt x="3499523" y="1525867"/>
                </a:moveTo>
                <a:lnTo>
                  <a:pt x="3499523" y="1526312"/>
                </a:lnTo>
                <a:lnTo>
                  <a:pt x="3499967" y="1526312"/>
                </a:lnTo>
                <a:lnTo>
                  <a:pt x="3499967" y="1525867"/>
                </a:lnTo>
                <a:close/>
                <a:moveTo>
                  <a:pt x="3376466" y="1525867"/>
                </a:moveTo>
                <a:lnTo>
                  <a:pt x="3376466" y="1526312"/>
                </a:lnTo>
                <a:lnTo>
                  <a:pt x="3376910" y="1526312"/>
                </a:lnTo>
                <a:lnTo>
                  <a:pt x="3376910" y="1525867"/>
                </a:lnTo>
                <a:close/>
                <a:moveTo>
                  <a:pt x="3253408" y="1525867"/>
                </a:moveTo>
                <a:lnTo>
                  <a:pt x="3253408" y="1526312"/>
                </a:lnTo>
                <a:lnTo>
                  <a:pt x="3253852" y="1526312"/>
                </a:lnTo>
                <a:lnTo>
                  <a:pt x="3253852" y="1525867"/>
                </a:lnTo>
                <a:close/>
                <a:moveTo>
                  <a:pt x="3130351" y="1525867"/>
                </a:moveTo>
                <a:lnTo>
                  <a:pt x="3130351" y="1526312"/>
                </a:lnTo>
                <a:lnTo>
                  <a:pt x="3130795" y="1526312"/>
                </a:lnTo>
                <a:lnTo>
                  <a:pt x="3130795" y="1525867"/>
                </a:lnTo>
                <a:close/>
                <a:moveTo>
                  <a:pt x="3007294" y="1525867"/>
                </a:moveTo>
                <a:lnTo>
                  <a:pt x="3007294" y="1526312"/>
                </a:lnTo>
                <a:lnTo>
                  <a:pt x="3007738" y="1526312"/>
                </a:lnTo>
                <a:lnTo>
                  <a:pt x="3007738" y="1525867"/>
                </a:lnTo>
                <a:close/>
                <a:moveTo>
                  <a:pt x="2883792" y="1525460"/>
                </a:moveTo>
                <a:lnTo>
                  <a:pt x="2883792" y="1526756"/>
                </a:lnTo>
                <a:lnTo>
                  <a:pt x="2885088" y="1526756"/>
                </a:lnTo>
                <a:lnTo>
                  <a:pt x="2885088" y="1525460"/>
                </a:lnTo>
                <a:close/>
                <a:moveTo>
                  <a:pt x="2760735" y="1525460"/>
                </a:moveTo>
                <a:lnTo>
                  <a:pt x="2760735" y="1526756"/>
                </a:lnTo>
                <a:lnTo>
                  <a:pt x="2762031" y="1526756"/>
                </a:lnTo>
                <a:lnTo>
                  <a:pt x="2762031" y="1525460"/>
                </a:lnTo>
                <a:close/>
                <a:moveTo>
                  <a:pt x="2636381" y="1524124"/>
                </a:moveTo>
                <a:lnTo>
                  <a:pt x="2636381" y="1528052"/>
                </a:lnTo>
                <a:lnTo>
                  <a:pt x="2640306" y="1528052"/>
                </a:lnTo>
                <a:lnTo>
                  <a:pt x="2640306" y="1524124"/>
                </a:lnTo>
                <a:close/>
                <a:moveTo>
                  <a:pt x="2511139" y="1521979"/>
                </a:moveTo>
                <a:lnTo>
                  <a:pt x="2511139" y="1530234"/>
                </a:lnTo>
                <a:lnTo>
                  <a:pt x="2519397" y="1530234"/>
                </a:lnTo>
                <a:lnTo>
                  <a:pt x="2519397" y="1521979"/>
                </a:lnTo>
                <a:close/>
                <a:moveTo>
                  <a:pt x="2385045" y="1518942"/>
                </a:moveTo>
                <a:lnTo>
                  <a:pt x="2385045" y="1533275"/>
                </a:lnTo>
                <a:lnTo>
                  <a:pt x="2399376" y="1533275"/>
                </a:lnTo>
                <a:lnTo>
                  <a:pt x="2399376" y="1518942"/>
                </a:lnTo>
                <a:close/>
                <a:moveTo>
                  <a:pt x="2258951" y="1515904"/>
                </a:moveTo>
                <a:lnTo>
                  <a:pt x="2258951" y="1536309"/>
                </a:lnTo>
                <a:lnTo>
                  <a:pt x="2279356" y="1536309"/>
                </a:lnTo>
                <a:lnTo>
                  <a:pt x="2279356" y="1515904"/>
                </a:lnTo>
                <a:close/>
                <a:moveTo>
                  <a:pt x="2132413" y="1512424"/>
                </a:moveTo>
                <a:lnTo>
                  <a:pt x="2132413" y="1539790"/>
                </a:lnTo>
                <a:lnTo>
                  <a:pt x="2159780" y="1539790"/>
                </a:lnTo>
                <a:lnTo>
                  <a:pt x="2159780" y="1512424"/>
                </a:lnTo>
                <a:close/>
                <a:moveTo>
                  <a:pt x="2005875" y="1508944"/>
                </a:moveTo>
                <a:lnTo>
                  <a:pt x="2005875" y="1543272"/>
                </a:lnTo>
                <a:lnTo>
                  <a:pt x="2040204" y="1543272"/>
                </a:lnTo>
                <a:lnTo>
                  <a:pt x="2040204" y="1508944"/>
                </a:lnTo>
                <a:close/>
                <a:moveTo>
                  <a:pt x="1878929" y="1505019"/>
                </a:moveTo>
                <a:lnTo>
                  <a:pt x="1878929" y="1547161"/>
                </a:lnTo>
                <a:lnTo>
                  <a:pt x="1921071" y="1547161"/>
                </a:lnTo>
                <a:lnTo>
                  <a:pt x="1921071" y="1505019"/>
                </a:lnTo>
                <a:close/>
                <a:moveTo>
                  <a:pt x="1751946" y="1501130"/>
                </a:moveTo>
                <a:lnTo>
                  <a:pt x="1751946" y="1551086"/>
                </a:lnTo>
                <a:lnTo>
                  <a:pt x="1801902" y="1551086"/>
                </a:lnTo>
                <a:lnTo>
                  <a:pt x="1801902" y="1501130"/>
                </a:lnTo>
                <a:close/>
                <a:moveTo>
                  <a:pt x="1624963" y="1497201"/>
                </a:moveTo>
                <a:lnTo>
                  <a:pt x="1624963" y="1554975"/>
                </a:lnTo>
                <a:lnTo>
                  <a:pt x="1682733" y="1554975"/>
                </a:lnTo>
                <a:lnTo>
                  <a:pt x="1682733" y="1497201"/>
                </a:lnTo>
                <a:close/>
                <a:moveTo>
                  <a:pt x="1498018" y="1493317"/>
                </a:moveTo>
                <a:lnTo>
                  <a:pt x="1498018" y="1558898"/>
                </a:lnTo>
                <a:lnTo>
                  <a:pt x="1563602" y="1558898"/>
                </a:lnTo>
                <a:lnTo>
                  <a:pt x="1563602" y="1493317"/>
                </a:lnTo>
                <a:close/>
                <a:moveTo>
                  <a:pt x="1371035" y="1489428"/>
                </a:moveTo>
                <a:lnTo>
                  <a:pt x="1371035" y="1562823"/>
                </a:lnTo>
                <a:lnTo>
                  <a:pt x="1444432" y="1562823"/>
                </a:lnTo>
                <a:lnTo>
                  <a:pt x="1444432" y="1489428"/>
                </a:lnTo>
                <a:close/>
                <a:moveTo>
                  <a:pt x="1244275" y="1485686"/>
                </a:moveTo>
                <a:lnTo>
                  <a:pt x="1244275" y="1566491"/>
                </a:lnTo>
                <a:lnTo>
                  <a:pt x="1325079" y="1566491"/>
                </a:lnTo>
                <a:lnTo>
                  <a:pt x="1325079" y="1485686"/>
                </a:lnTo>
                <a:close/>
                <a:moveTo>
                  <a:pt x="1117736" y="1482242"/>
                </a:moveTo>
                <a:lnTo>
                  <a:pt x="1117736" y="1569972"/>
                </a:lnTo>
                <a:lnTo>
                  <a:pt x="1205465" y="1569972"/>
                </a:lnTo>
                <a:lnTo>
                  <a:pt x="1205465" y="1482242"/>
                </a:lnTo>
                <a:close/>
                <a:moveTo>
                  <a:pt x="991420" y="1478983"/>
                </a:moveTo>
                <a:lnTo>
                  <a:pt x="991420" y="1573234"/>
                </a:lnTo>
                <a:lnTo>
                  <a:pt x="1085666" y="1573234"/>
                </a:lnTo>
                <a:lnTo>
                  <a:pt x="1085666" y="1478983"/>
                </a:lnTo>
                <a:close/>
                <a:moveTo>
                  <a:pt x="865326" y="1475949"/>
                </a:moveTo>
                <a:lnTo>
                  <a:pt x="865326" y="1576269"/>
                </a:lnTo>
                <a:lnTo>
                  <a:pt x="965646" y="1576269"/>
                </a:lnTo>
                <a:lnTo>
                  <a:pt x="965646" y="1475949"/>
                </a:lnTo>
                <a:close/>
                <a:moveTo>
                  <a:pt x="739899" y="1473577"/>
                </a:moveTo>
                <a:lnTo>
                  <a:pt x="739899" y="1578674"/>
                </a:lnTo>
                <a:lnTo>
                  <a:pt x="844996" y="1578674"/>
                </a:lnTo>
                <a:lnTo>
                  <a:pt x="844996" y="1473577"/>
                </a:lnTo>
                <a:close/>
                <a:moveTo>
                  <a:pt x="444" y="1472467"/>
                </a:moveTo>
                <a:lnTo>
                  <a:pt x="444" y="1579749"/>
                </a:lnTo>
                <a:lnTo>
                  <a:pt x="107726" y="1579749"/>
                </a:lnTo>
                <a:lnTo>
                  <a:pt x="107726" y="1472467"/>
                </a:lnTo>
                <a:close/>
                <a:moveTo>
                  <a:pt x="615101" y="1471836"/>
                </a:moveTo>
                <a:lnTo>
                  <a:pt x="615101" y="1580415"/>
                </a:lnTo>
                <a:lnTo>
                  <a:pt x="723679" y="1580415"/>
                </a:lnTo>
                <a:lnTo>
                  <a:pt x="723679" y="1471836"/>
                </a:lnTo>
                <a:close/>
                <a:moveTo>
                  <a:pt x="491377" y="1471169"/>
                </a:moveTo>
                <a:lnTo>
                  <a:pt x="491377" y="1581049"/>
                </a:lnTo>
                <a:lnTo>
                  <a:pt x="601251" y="1581049"/>
                </a:lnTo>
                <a:lnTo>
                  <a:pt x="601251" y="1471169"/>
                </a:lnTo>
                <a:close/>
                <a:moveTo>
                  <a:pt x="368320" y="1471169"/>
                </a:moveTo>
                <a:lnTo>
                  <a:pt x="368320" y="1581049"/>
                </a:lnTo>
                <a:lnTo>
                  <a:pt x="478194" y="1581049"/>
                </a:lnTo>
                <a:lnTo>
                  <a:pt x="478194" y="1471169"/>
                </a:lnTo>
                <a:close/>
                <a:moveTo>
                  <a:pt x="245262" y="1471169"/>
                </a:moveTo>
                <a:lnTo>
                  <a:pt x="245262" y="1581049"/>
                </a:lnTo>
                <a:lnTo>
                  <a:pt x="355136" y="1581049"/>
                </a:lnTo>
                <a:lnTo>
                  <a:pt x="355136" y="1471169"/>
                </a:lnTo>
                <a:close/>
                <a:moveTo>
                  <a:pt x="122205" y="1471169"/>
                </a:moveTo>
                <a:lnTo>
                  <a:pt x="122205" y="1581049"/>
                </a:lnTo>
                <a:lnTo>
                  <a:pt x="232079" y="1581049"/>
                </a:lnTo>
                <a:lnTo>
                  <a:pt x="232079" y="1471169"/>
                </a:lnTo>
                <a:close/>
                <a:moveTo>
                  <a:pt x="5714629" y="1402807"/>
                </a:moveTo>
                <a:lnTo>
                  <a:pt x="5714629" y="1403251"/>
                </a:lnTo>
                <a:lnTo>
                  <a:pt x="5715073" y="1403251"/>
                </a:lnTo>
                <a:lnTo>
                  <a:pt x="5715073" y="1402807"/>
                </a:lnTo>
                <a:close/>
                <a:moveTo>
                  <a:pt x="5591572" y="1402807"/>
                </a:moveTo>
                <a:lnTo>
                  <a:pt x="5591572" y="1403251"/>
                </a:lnTo>
                <a:lnTo>
                  <a:pt x="5592017" y="1403251"/>
                </a:lnTo>
                <a:lnTo>
                  <a:pt x="5592017" y="1402807"/>
                </a:lnTo>
                <a:close/>
                <a:moveTo>
                  <a:pt x="3745675" y="1402807"/>
                </a:moveTo>
                <a:lnTo>
                  <a:pt x="3745675" y="1403251"/>
                </a:lnTo>
                <a:lnTo>
                  <a:pt x="3746119" y="1403251"/>
                </a:lnTo>
                <a:lnTo>
                  <a:pt x="3746119" y="1402807"/>
                </a:lnTo>
                <a:close/>
                <a:moveTo>
                  <a:pt x="3622617" y="1402807"/>
                </a:moveTo>
                <a:lnTo>
                  <a:pt x="3622617" y="1403251"/>
                </a:lnTo>
                <a:lnTo>
                  <a:pt x="3623061" y="1403251"/>
                </a:lnTo>
                <a:lnTo>
                  <a:pt x="3623061" y="1402807"/>
                </a:lnTo>
                <a:close/>
                <a:moveTo>
                  <a:pt x="3499523" y="1402807"/>
                </a:moveTo>
                <a:lnTo>
                  <a:pt x="3499523" y="1403251"/>
                </a:lnTo>
                <a:lnTo>
                  <a:pt x="3499967" y="1403251"/>
                </a:lnTo>
                <a:lnTo>
                  <a:pt x="3499967" y="1402807"/>
                </a:lnTo>
                <a:close/>
                <a:moveTo>
                  <a:pt x="3376466" y="1402807"/>
                </a:moveTo>
                <a:lnTo>
                  <a:pt x="3376466" y="1403251"/>
                </a:lnTo>
                <a:lnTo>
                  <a:pt x="3376910" y="1403251"/>
                </a:lnTo>
                <a:lnTo>
                  <a:pt x="3376910" y="1402807"/>
                </a:lnTo>
                <a:close/>
                <a:moveTo>
                  <a:pt x="3253408" y="1402807"/>
                </a:moveTo>
                <a:lnTo>
                  <a:pt x="3253408" y="1403251"/>
                </a:lnTo>
                <a:lnTo>
                  <a:pt x="3253852" y="1403251"/>
                </a:lnTo>
                <a:lnTo>
                  <a:pt x="3253852" y="1402807"/>
                </a:lnTo>
                <a:close/>
                <a:moveTo>
                  <a:pt x="3130351" y="1402807"/>
                </a:moveTo>
                <a:lnTo>
                  <a:pt x="3130351" y="1403251"/>
                </a:lnTo>
                <a:lnTo>
                  <a:pt x="3130795" y="1403251"/>
                </a:lnTo>
                <a:lnTo>
                  <a:pt x="3130795" y="1402807"/>
                </a:lnTo>
                <a:close/>
                <a:moveTo>
                  <a:pt x="3006849" y="1402401"/>
                </a:moveTo>
                <a:lnTo>
                  <a:pt x="3006849" y="1403696"/>
                </a:lnTo>
                <a:lnTo>
                  <a:pt x="3008145" y="1403696"/>
                </a:lnTo>
                <a:lnTo>
                  <a:pt x="3008145" y="1402401"/>
                </a:lnTo>
                <a:close/>
                <a:moveTo>
                  <a:pt x="2883385" y="1401956"/>
                </a:moveTo>
                <a:lnTo>
                  <a:pt x="2883385" y="1404140"/>
                </a:lnTo>
                <a:lnTo>
                  <a:pt x="2885570" y="1404140"/>
                </a:lnTo>
                <a:lnTo>
                  <a:pt x="2885570" y="1401956"/>
                </a:lnTo>
                <a:close/>
                <a:moveTo>
                  <a:pt x="2759883" y="1401512"/>
                </a:moveTo>
                <a:lnTo>
                  <a:pt x="2759883" y="1404548"/>
                </a:lnTo>
                <a:lnTo>
                  <a:pt x="2762920" y="1404548"/>
                </a:lnTo>
                <a:lnTo>
                  <a:pt x="2762920" y="1401512"/>
                </a:lnTo>
                <a:close/>
                <a:moveTo>
                  <a:pt x="2635530" y="1400251"/>
                </a:moveTo>
                <a:lnTo>
                  <a:pt x="2635530" y="1405880"/>
                </a:lnTo>
                <a:lnTo>
                  <a:pt x="2641159" y="1405880"/>
                </a:lnTo>
                <a:lnTo>
                  <a:pt x="2641159" y="1400251"/>
                </a:lnTo>
                <a:close/>
                <a:moveTo>
                  <a:pt x="2510287" y="1398028"/>
                </a:moveTo>
                <a:lnTo>
                  <a:pt x="2510287" y="1408029"/>
                </a:lnTo>
                <a:lnTo>
                  <a:pt x="2520286" y="1408029"/>
                </a:lnTo>
                <a:lnTo>
                  <a:pt x="2520286" y="1398028"/>
                </a:lnTo>
                <a:close/>
                <a:moveTo>
                  <a:pt x="2384601" y="1395475"/>
                </a:moveTo>
                <a:lnTo>
                  <a:pt x="2384601" y="1410658"/>
                </a:lnTo>
                <a:lnTo>
                  <a:pt x="2399784" y="1410658"/>
                </a:lnTo>
                <a:lnTo>
                  <a:pt x="2399784" y="1395475"/>
                </a:lnTo>
                <a:close/>
                <a:moveTo>
                  <a:pt x="2258507" y="1392401"/>
                </a:moveTo>
                <a:lnTo>
                  <a:pt x="2258507" y="1413695"/>
                </a:lnTo>
                <a:lnTo>
                  <a:pt x="2279800" y="1413695"/>
                </a:lnTo>
                <a:lnTo>
                  <a:pt x="2279800" y="1392401"/>
                </a:lnTo>
                <a:close/>
                <a:moveTo>
                  <a:pt x="2131969" y="1388957"/>
                </a:moveTo>
                <a:lnTo>
                  <a:pt x="2131969" y="1417177"/>
                </a:lnTo>
                <a:lnTo>
                  <a:pt x="2160187" y="1417177"/>
                </a:lnTo>
                <a:lnTo>
                  <a:pt x="2160187" y="1388957"/>
                </a:lnTo>
                <a:close/>
                <a:moveTo>
                  <a:pt x="2005245" y="1385215"/>
                </a:moveTo>
                <a:lnTo>
                  <a:pt x="2005245" y="1420842"/>
                </a:lnTo>
                <a:lnTo>
                  <a:pt x="2040870" y="1420842"/>
                </a:lnTo>
                <a:lnTo>
                  <a:pt x="2040870" y="1385215"/>
                </a:lnTo>
                <a:close/>
                <a:moveTo>
                  <a:pt x="1878262" y="1381329"/>
                </a:moveTo>
                <a:lnTo>
                  <a:pt x="1878262" y="1424767"/>
                </a:lnTo>
                <a:lnTo>
                  <a:pt x="1921701" y="1424767"/>
                </a:lnTo>
                <a:lnTo>
                  <a:pt x="1921701" y="1381329"/>
                </a:lnTo>
                <a:close/>
                <a:moveTo>
                  <a:pt x="1751280" y="1377403"/>
                </a:moveTo>
                <a:lnTo>
                  <a:pt x="1751280" y="1428656"/>
                </a:lnTo>
                <a:lnTo>
                  <a:pt x="1802532" y="1428656"/>
                </a:lnTo>
                <a:lnTo>
                  <a:pt x="1802532" y="1377403"/>
                </a:lnTo>
                <a:close/>
                <a:moveTo>
                  <a:pt x="1624334" y="1373515"/>
                </a:moveTo>
                <a:lnTo>
                  <a:pt x="1624334" y="1432582"/>
                </a:lnTo>
                <a:lnTo>
                  <a:pt x="1683400" y="1432582"/>
                </a:lnTo>
                <a:lnTo>
                  <a:pt x="1683400" y="1373515"/>
                </a:lnTo>
                <a:close/>
                <a:moveTo>
                  <a:pt x="1497351" y="1369627"/>
                </a:moveTo>
                <a:lnTo>
                  <a:pt x="1497351" y="1436505"/>
                </a:lnTo>
                <a:lnTo>
                  <a:pt x="1564231" y="1436505"/>
                </a:lnTo>
                <a:lnTo>
                  <a:pt x="1564231" y="1369627"/>
                </a:lnTo>
                <a:close/>
                <a:moveTo>
                  <a:pt x="1370369" y="1365700"/>
                </a:moveTo>
                <a:lnTo>
                  <a:pt x="1370369" y="1440395"/>
                </a:lnTo>
                <a:lnTo>
                  <a:pt x="1445063" y="1440395"/>
                </a:lnTo>
                <a:lnTo>
                  <a:pt x="1445063" y="1365700"/>
                </a:lnTo>
                <a:close/>
                <a:moveTo>
                  <a:pt x="1243645" y="1361997"/>
                </a:moveTo>
                <a:lnTo>
                  <a:pt x="1243645" y="1444098"/>
                </a:lnTo>
                <a:lnTo>
                  <a:pt x="1325745" y="1444098"/>
                </a:lnTo>
                <a:lnTo>
                  <a:pt x="1325745" y="1361997"/>
                </a:lnTo>
                <a:close/>
                <a:moveTo>
                  <a:pt x="1117107" y="1358555"/>
                </a:moveTo>
                <a:lnTo>
                  <a:pt x="1117107" y="1447579"/>
                </a:lnTo>
                <a:lnTo>
                  <a:pt x="1206132" y="1447579"/>
                </a:lnTo>
                <a:lnTo>
                  <a:pt x="1206132" y="1358555"/>
                </a:lnTo>
                <a:close/>
                <a:moveTo>
                  <a:pt x="990791" y="1355294"/>
                </a:moveTo>
                <a:lnTo>
                  <a:pt x="990791" y="1450837"/>
                </a:lnTo>
                <a:lnTo>
                  <a:pt x="1086333" y="1450837"/>
                </a:lnTo>
                <a:lnTo>
                  <a:pt x="1086333" y="1355294"/>
                </a:lnTo>
                <a:close/>
                <a:moveTo>
                  <a:pt x="864882" y="1352444"/>
                </a:moveTo>
                <a:lnTo>
                  <a:pt x="864882" y="1453654"/>
                </a:lnTo>
                <a:lnTo>
                  <a:pt x="966090" y="1453654"/>
                </a:lnTo>
                <a:lnTo>
                  <a:pt x="966090" y="1352444"/>
                </a:lnTo>
                <a:close/>
                <a:moveTo>
                  <a:pt x="739232" y="1349852"/>
                </a:moveTo>
                <a:lnTo>
                  <a:pt x="739232" y="1456244"/>
                </a:lnTo>
                <a:lnTo>
                  <a:pt x="845625" y="1456244"/>
                </a:lnTo>
                <a:lnTo>
                  <a:pt x="845625" y="1349852"/>
                </a:lnTo>
                <a:close/>
                <a:moveTo>
                  <a:pt x="222" y="1349185"/>
                </a:moveTo>
                <a:lnTo>
                  <a:pt x="222" y="1456913"/>
                </a:lnTo>
                <a:lnTo>
                  <a:pt x="107948" y="1456913"/>
                </a:lnTo>
                <a:lnTo>
                  <a:pt x="107948" y="1349185"/>
                </a:lnTo>
                <a:close/>
                <a:moveTo>
                  <a:pt x="614212" y="1347889"/>
                </a:moveTo>
                <a:lnTo>
                  <a:pt x="614212" y="1458208"/>
                </a:lnTo>
                <a:lnTo>
                  <a:pt x="724530" y="1458208"/>
                </a:lnTo>
                <a:lnTo>
                  <a:pt x="724530" y="1347889"/>
                </a:lnTo>
                <a:close/>
                <a:moveTo>
                  <a:pt x="121983" y="1347889"/>
                </a:moveTo>
                <a:lnTo>
                  <a:pt x="121983" y="1458208"/>
                </a:lnTo>
                <a:lnTo>
                  <a:pt x="232301" y="1458208"/>
                </a:lnTo>
                <a:lnTo>
                  <a:pt x="232301" y="1347889"/>
                </a:lnTo>
                <a:close/>
                <a:moveTo>
                  <a:pt x="490933" y="1347667"/>
                </a:moveTo>
                <a:lnTo>
                  <a:pt x="490933" y="1458429"/>
                </a:lnTo>
                <a:lnTo>
                  <a:pt x="601696" y="1458429"/>
                </a:lnTo>
                <a:lnTo>
                  <a:pt x="601696" y="1347667"/>
                </a:lnTo>
                <a:close/>
                <a:moveTo>
                  <a:pt x="367875" y="1347667"/>
                </a:moveTo>
                <a:lnTo>
                  <a:pt x="367875" y="1458429"/>
                </a:lnTo>
                <a:lnTo>
                  <a:pt x="478638" y="1458429"/>
                </a:lnTo>
                <a:lnTo>
                  <a:pt x="478638" y="1347667"/>
                </a:lnTo>
                <a:close/>
                <a:moveTo>
                  <a:pt x="244818" y="1347667"/>
                </a:moveTo>
                <a:lnTo>
                  <a:pt x="244818" y="1458429"/>
                </a:lnTo>
                <a:lnTo>
                  <a:pt x="355581" y="1458429"/>
                </a:lnTo>
                <a:lnTo>
                  <a:pt x="355581" y="1347667"/>
                </a:lnTo>
                <a:close/>
                <a:moveTo>
                  <a:pt x="5714629" y="1279748"/>
                </a:moveTo>
                <a:lnTo>
                  <a:pt x="5714629" y="1280193"/>
                </a:lnTo>
                <a:lnTo>
                  <a:pt x="5715073" y="1280193"/>
                </a:lnTo>
                <a:lnTo>
                  <a:pt x="5715073" y="1279748"/>
                </a:lnTo>
                <a:close/>
                <a:moveTo>
                  <a:pt x="5591572" y="1279748"/>
                </a:moveTo>
                <a:lnTo>
                  <a:pt x="5591572" y="1280193"/>
                </a:lnTo>
                <a:lnTo>
                  <a:pt x="5592017" y="1280193"/>
                </a:lnTo>
                <a:lnTo>
                  <a:pt x="5592017" y="1279748"/>
                </a:lnTo>
                <a:close/>
                <a:moveTo>
                  <a:pt x="5468514" y="1279748"/>
                </a:moveTo>
                <a:lnTo>
                  <a:pt x="5468514" y="1280193"/>
                </a:lnTo>
                <a:lnTo>
                  <a:pt x="5468958" y="1280193"/>
                </a:lnTo>
                <a:lnTo>
                  <a:pt x="5468958" y="1279748"/>
                </a:lnTo>
                <a:close/>
                <a:moveTo>
                  <a:pt x="4976248" y="1279748"/>
                </a:moveTo>
                <a:lnTo>
                  <a:pt x="4976248" y="1280193"/>
                </a:lnTo>
                <a:lnTo>
                  <a:pt x="4976692" y="1280193"/>
                </a:lnTo>
                <a:lnTo>
                  <a:pt x="4976692" y="1279748"/>
                </a:lnTo>
                <a:close/>
                <a:moveTo>
                  <a:pt x="3991789" y="1279748"/>
                </a:moveTo>
                <a:lnTo>
                  <a:pt x="3991789" y="1280193"/>
                </a:lnTo>
                <a:lnTo>
                  <a:pt x="3992234" y="1280193"/>
                </a:lnTo>
                <a:lnTo>
                  <a:pt x="3992234" y="1279748"/>
                </a:lnTo>
                <a:close/>
                <a:moveTo>
                  <a:pt x="3868732" y="1279748"/>
                </a:moveTo>
                <a:lnTo>
                  <a:pt x="3868732" y="1280193"/>
                </a:lnTo>
                <a:lnTo>
                  <a:pt x="3869176" y="1280193"/>
                </a:lnTo>
                <a:lnTo>
                  <a:pt x="3869176" y="1279748"/>
                </a:lnTo>
                <a:close/>
                <a:moveTo>
                  <a:pt x="3745675" y="1279748"/>
                </a:moveTo>
                <a:lnTo>
                  <a:pt x="3745675" y="1280193"/>
                </a:lnTo>
                <a:lnTo>
                  <a:pt x="3746119" y="1280193"/>
                </a:lnTo>
                <a:lnTo>
                  <a:pt x="3746119" y="1279748"/>
                </a:lnTo>
                <a:close/>
                <a:moveTo>
                  <a:pt x="3622617" y="1279748"/>
                </a:moveTo>
                <a:lnTo>
                  <a:pt x="3622617" y="1280193"/>
                </a:lnTo>
                <a:lnTo>
                  <a:pt x="3623061" y="1280193"/>
                </a:lnTo>
                <a:lnTo>
                  <a:pt x="3623061" y="1279748"/>
                </a:lnTo>
                <a:close/>
                <a:moveTo>
                  <a:pt x="3499523" y="1279748"/>
                </a:moveTo>
                <a:lnTo>
                  <a:pt x="3499523" y="1280193"/>
                </a:lnTo>
                <a:lnTo>
                  <a:pt x="3499967" y="1280193"/>
                </a:lnTo>
                <a:lnTo>
                  <a:pt x="3499967" y="1279748"/>
                </a:lnTo>
                <a:close/>
                <a:moveTo>
                  <a:pt x="3376466" y="1279748"/>
                </a:moveTo>
                <a:lnTo>
                  <a:pt x="3376466" y="1280193"/>
                </a:lnTo>
                <a:lnTo>
                  <a:pt x="3376910" y="1280193"/>
                </a:lnTo>
                <a:lnTo>
                  <a:pt x="3376910" y="1279748"/>
                </a:lnTo>
                <a:close/>
                <a:moveTo>
                  <a:pt x="3253186" y="1279563"/>
                </a:moveTo>
                <a:lnTo>
                  <a:pt x="3253186" y="1280414"/>
                </a:lnTo>
                <a:lnTo>
                  <a:pt x="3254038" y="1280414"/>
                </a:lnTo>
                <a:lnTo>
                  <a:pt x="3254038" y="1279563"/>
                </a:lnTo>
                <a:close/>
                <a:moveTo>
                  <a:pt x="3129944" y="1279342"/>
                </a:moveTo>
                <a:lnTo>
                  <a:pt x="3129944" y="1280637"/>
                </a:lnTo>
                <a:lnTo>
                  <a:pt x="3131240" y="1280637"/>
                </a:lnTo>
                <a:lnTo>
                  <a:pt x="3131240" y="1279342"/>
                </a:lnTo>
                <a:close/>
                <a:moveTo>
                  <a:pt x="3006442" y="1278897"/>
                </a:moveTo>
                <a:lnTo>
                  <a:pt x="3006442" y="1281082"/>
                </a:lnTo>
                <a:lnTo>
                  <a:pt x="3008627" y="1281082"/>
                </a:lnTo>
                <a:lnTo>
                  <a:pt x="3008627" y="1278897"/>
                </a:lnTo>
                <a:close/>
                <a:moveTo>
                  <a:pt x="2882940" y="1278453"/>
                </a:moveTo>
                <a:lnTo>
                  <a:pt x="2882940" y="1281490"/>
                </a:lnTo>
                <a:lnTo>
                  <a:pt x="2885977" y="1281490"/>
                </a:lnTo>
                <a:lnTo>
                  <a:pt x="2885977" y="1278453"/>
                </a:lnTo>
                <a:close/>
                <a:moveTo>
                  <a:pt x="2758994" y="1277603"/>
                </a:moveTo>
                <a:lnTo>
                  <a:pt x="2758994" y="1282379"/>
                </a:lnTo>
                <a:lnTo>
                  <a:pt x="2763771" y="1282379"/>
                </a:lnTo>
                <a:lnTo>
                  <a:pt x="2763771" y="1277603"/>
                </a:lnTo>
                <a:close/>
                <a:moveTo>
                  <a:pt x="2634419" y="1276082"/>
                </a:moveTo>
                <a:lnTo>
                  <a:pt x="2634419" y="1283895"/>
                </a:lnTo>
                <a:lnTo>
                  <a:pt x="2642233" y="1283895"/>
                </a:lnTo>
                <a:lnTo>
                  <a:pt x="2642233" y="1276082"/>
                </a:lnTo>
                <a:close/>
                <a:moveTo>
                  <a:pt x="2509399" y="1274119"/>
                </a:moveTo>
                <a:lnTo>
                  <a:pt x="2509399" y="1285860"/>
                </a:lnTo>
                <a:lnTo>
                  <a:pt x="2521138" y="1285860"/>
                </a:lnTo>
                <a:lnTo>
                  <a:pt x="2521138" y="1274119"/>
                </a:lnTo>
                <a:close/>
                <a:moveTo>
                  <a:pt x="2383749" y="1271528"/>
                </a:moveTo>
                <a:lnTo>
                  <a:pt x="2383749" y="1288452"/>
                </a:lnTo>
                <a:lnTo>
                  <a:pt x="2400673" y="1288452"/>
                </a:lnTo>
                <a:lnTo>
                  <a:pt x="2400673" y="1271528"/>
                </a:lnTo>
                <a:close/>
                <a:moveTo>
                  <a:pt x="2257655" y="1268455"/>
                </a:moveTo>
                <a:lnTo>
                  <a:pt x="2257655" y="1291489"/>
                </a:lnTo>
                <a:lnTo>
                  <a:pt x="2280689" y="1291489"/>
                </a:lnTo>
                <a:lnTo>
                  <a:pt x="2280689" y="1268455"/>
                </a:lnTo>
                <a:close/>
                <a:moveTo>
                  <a:pt x="2131117" y="1265010"/>
                </a:moveTo>
                <a:lnTo>
                  <a:pt x="2131117" y="1294968"/>
                </a:lnTo>
                <a:lnTo>
                  <a:pt x="2161076" y="1294968"/>
                </a:lnTo>
                <a:lnTo>
                  <a:pt x="2161076" y="1265010"/>
                </a:lnTo>
                <a:close/>
                <a:moveTo>
                  <a:pt x="2004578" y="1261530"/>
                </a:moveTo>
                <a:lnTo>
                  <a:pt x="2004578" y="1298451"/>
                </a:lnTo>
                <a:lnTo>
                  <a:pt x="2041499" y="1298451"/>
                </a:lnTo>
                <a:lnTo>
                  <a:pt x="2041499" y="1261530"/>
                </a:lnTo>
                <a:close/>
                <a:moveTo>
                  <a:pt x="1877596" y="1257604"/>
                </a:moveTo>
                <a:lnTo>
                  <a:pt x="1877596" y="1302341"/>
                </a:lnTo>
                <a:lnTo>
                  <a:pt x="1922331" y="1302341"/>
                </a:lnTo>
                <a:lnTo>
                  <a:pt x="1922331" y="1257604"/>
                </a:lnTo>
                <a:close/>
                <a:moveTo>
                  <a:pt x="1750872" y="1253938"/>
                </a:moveTo>
                <a:lnTo>
                  <a:pt x="1750872" y="1306042"/>
                </a:lnTo>
                <a:lnTo>
                  <a:pt x="1802976" y="1306042"/>
                </a:lnTo>
                <a:lnTo>
                  <a:pt x="1802976" y="1253938"/>
                </a:lnTo>
                <a:close/>
                <a:moveTo>
                  <a:pt x="1623890" y="1250013"/>
                </a:moveTo>
                <a:lnTo>
                  <a:pt x="1623890" y="1309968"/>
                </a:lnTo>
                <a:lnTo>
                  <a:pt x="1683845" y="1309968"/>
                </a:lnTo>
                <a:lnTo>
                  <a:pt x="1683845" y="1250013"/>
                </a:lnTo>
                <a:close/>
                <a:moveTo>
                  <a:pt x="1496907" y="1246086"/>
                </a:moveTo>
                <a:lnTo>
                  <a:pt x="1496907" y="1313855"/>
                </a:lnTo>
                <a:lnTo>
                  <a:pt x="1564676" y="1313855"/>
                </a:lnTo>
                <a:lnTo>
                  <a:pt x="1564676" y="1246086"/>
                </a:lnTo>
                <a:close/>
                <a:moveTo>
                  <a:pt x="1369961" y="1242197"/>
                </a:moveTo>
                <a:lnTo>
                  <a:pt x="1369961" y="1317780"/>
                </a:lnTo>
                <a:lnTo>
                  <a:pt x="1445543" y="1317780"/>
                </a:lnTo>
                <a:lnTo>
                  <a:pt x="1445543" y="1242197"/>
                </a:lnTo>
                <a:close/>
                <a:moveTo>
                  <a:pt x="1243201" y="1238494"/>
                </a:moveTo>
                <a:lnTo>
                  <a:pt x="1243201" y="1321446"/>
                </a:lnTo>
                <a:lnTo>
                  <a:pt x="1326153" y="1321446"/>
                </a:lnTo>
                <a:lnTo>
                  <a:pt x="1326153" y="1238494"/>
                </a:lnTo>
                <a:close/>
                <a:moveTo>
                  <a:pt x="1116662" y="1235014"/>
                </a:moveTo>
                <a:lnTo>
                  <a:pt x="1116662" y="1324928"/>
                </a:lnTo>
                <a:lnTo>
                  <a:pt x="1206576" y="1324928"/>
                </a:lnTo>
                <a:lnTo>
                  <a:pt x="1206576" y="1235014"/>
                </a:lnTo>
                <a:close/>
                <a:moveTo>
                  <a:pt x="990346" y="1231755"/>
                </a:moveTo>
                <a:lnTo>
                  <a:pt x="990346" y="1328188"/>
                </a:lnTo>
                <a:lnTo>
                  <a:pt x="1086777" y="1328188"/>
                </a:lnTo>
                <a:lnTo>
                  <a:pt x="1086777" y="1231755"/>
                </a:lnTo>
                <a:close/>
                <a:moveTo>
                  <a:pt x="864474" y="1228943"/>
                </a:moveTo>
                <a:lnTo>
                  <a:pt x="864474" y="1331002"/>
                </a:lnTo>
                <a:lnTo>
                  <a:pt x="966534" y="1331002"/>
                </a:lnTo>
                <a:lnTo>
                  <a:pt x="966534" y="1228943"/>
                </a:lnTo>
                <a:close/>
                <a:moveTo>
                  <a:pt x="739232" y="1226795"/>
                </a:moveTo>
                <a:lnTo>
                  <a:pt x="739232" y="1333187"/>
                </a:lnTo>
                <a:lnTo>
                  <a:pt x="845625" y="1333187"/>
                </a:lnTo>
                <a:lnTo>
                  <a:pt x="845625" y="1226795"/>
                </a:lnTo>
                <a:close/>
                <a:moveTo>
                  <a:pt x="614657" y="1225238"/>
                </a:moveTo>
                <a:lnTo>
                  <a:pt x="614657" y="1334706"/>
                </a:lnTo>
                <a:lnTo>
                  <a:pt x="724124" y="1334706"/>
                </a:lnTo>
                <a:lnTo>
                  <a:pt x="724124" y="1225238"/>
                </a:lnTo>
                <a:close/>
                <a:moveTo>
                  <a:pt x="490933" y="1224609"/>
                </a:moveTo>
                <a:lnTo>
                  <a:pt x="490933" y="1335372"/>
                </a:lnTo>
                <a:lnTo>
                  <a:pt x="601696" y="1335372"/>
                </a:lnTo>
                <a:lnTo>
                  <a:pt x="601696" y="1224609"/>
                </a:lnTo>
                <a:close/>
                <a:moveTo>
                  <a:pt x="367875" y="1224609"/>
                </a:moveTo>
                <a:lnTo>
                  <a:pt x="367875" y="1335372"/>
                </a:lnTo>
                <a:lnTo>
                  <a:pt x="478638" y="1335372"/>
                </a:lnTo>
                <a:lnTo>
                  <a:pt x="478638" y="1224609"/>
                </a:lnTo>
                <a:close/>
                <a:moveTo>
                  <a:pt x="244818" y="1224609"/>
                </a:moveTo>
                <a:lnTo>
                  <a:pt x="244818" y="1335372"/>
                </a:lnTo>
                <a:lnTo>
                  <a:pt x="355581" y="1335372"/>
                </a:lnTo>
                <a:lnTo>
                  <a:pt x="355581" y="1224609"/>
                </a:lnTo>
                <a:close/>
                <a:moveTo>
                  <a:pt x="121761" y="1224609"/>
                </a:moveTo>
                <a:lnTo>
                  <a:pt x="121761" y="1335372"/>
                </a:lnTo>
                <a:lnTo>
                  <a:pt x="232524" y="1335372"/>
                </a:lnTo>
                <a:lnTo>
                  <a:pt x="232524" y="1224609"/>
                </a:lnTo>
                <a:close/>
                <a:moveTo>
                  <a:pt x="5714629" y="1156689"/>
                </a:moveTo>
                <a:lnTo>
                  <a:pt x="5714629" y="1157134"/>
                </a:lnTo>
                <a:lnTo>
                  <a:pt x="5715073" y="1157134"/>
                </a:lnTo>
                <a:lnTo>
                  <a:pt x="5715073" y="1156689"/>
                </a:lnTo>
                <a:close/>
                <a:moveTo>
                  <a:pt x="5591572" y="1156689"/>
                </a:moveTo>
                <a:lnTo>
                  <a:pt x="5591572" y="1157134"/>
                </a:lnTo>
                <a:lnTo>
                  <a:pt x="5592017" y="1157134"/>
                </a:lnTo>
                <a:lnTo>
                  <a:pt x="5592017" y="1156689"/>
                </a:lnTo>
                <a:close/>
                <a:moveTo>
                  <a:pt x="5468514" y="1156689"/>
                </a:moveTo>
                <a:lnTo>
                  <a:pt x="5468514" y="1157134"/>
                </a:lnTo>
                <a:lnTo>
                  <a:pt x="5468958" y="1157134"/>
                </a:lnTo>
                <a:lnTo>
                  <a:pt x="5468958" y="1156689"/>
                </a:lnTo>
                <a:close/>
                <a:moveTo>
                  <a:pt x="5222400" y="1156689"/>
                </a:moveTo>
                <a:lnTo>
                  <a:pt x="5222400" y="1157134"/>
                </a:lnTo>
                <a:lnTo>
                  <a:pt x="5222844" y="1157134"/>
                </a:lnTo>
                <a:lnTo>
                  <a:pt x="5222844" y="1156689"/>
                </a:lnTo>
                <a:close/>
                <a:moveTo>
                  <a:pt x="5099305" y="1156689"/>
                </a:moveTo>
                <a:lnTo>
                  <a:pt x="5099305" y="1157134"/>
                </a:lnTo>
                <a:lnTo>
                  <a:pt x="5099749" y="1157134"/>
                </a:lnTo>
                <a:lnTo>
                  <a:pt x="5099749" y="1156689"/>
                </a:lnTo>
                <a:close/>
                <a:moveTo>
                  <a:pt x="4976248" y="1156689"/>
                </a:moveTo>
                <a:lnTo>
                  <a:pt x="4976248" y="1157134"/>
                </a:lnTo>
                <a:lnTo>
                  <a:pt x="4976692" y="1157134"/>
                </a:lnTo>
                <a:lnTo>
                  <a:pt x="4976692" y="1156689"/>
                </a:lnTo>
                <a:close/>
                <a:moveTo>
                  <a:pt x="4853191" y="1156689"/>
                </a:moveTo>
                <a:lnTo>
                  <a:pt x="4853191" y="1157134"/>
                </a:lnTo>
                <a:lnTo>
                  <a:pt x="4853636" y="1157134"/>
                </a:lnTo>
                <a:lnTo>
                  <a:pt x="4853636" y="1156689"/>
                </a:lnTo>
                <a:close/>
                <a:moveTo>
                  <a:pt x="4730133" y="1156689"/>
                </a:moveTo>
                <a:lnTo>
                  <a:pt x="4730133" y="1157134"/>
                </a:lnTo>
                <a:lnTo>
                  <a:pt x="4730578" y="1157134"/>
                </a:lnTo>
                <a:lnTo>
                  <a:pt x="4730578" y="1156689"/>
                </a:lnTo>
                <a:close/>
                <a:moveTo>
                  <a:pt x="3991789" y="1156689"/>
                </a:moveTo>
                <a:lnTo>
                  <a:pt x="3991789" y="1157134"/>
                </a:lnTo>
                <a:lnTo>
                  <a:pt x="3992234" y="1157134"/>
                </a:lnTo>
                <a:lnTo>
                  <a:pt x="3992234" y="1156689"/>
                </a:lnTo>
                <a:close/>
                <a:moveTo>
                  <a:pt x="3868732" y="1156689"/>
                </a:moveTo>
                <a:lnTo>
                  <a:pt x="3868732" y="1157134"/>
                </a:lnTo>
                <a:lnTo>
                  <a:pt x="3869176" y="1157134"/>
                </a:lnTo>
                <a:lnTo>
                  <a:pt x="3869176" y="1156689"/>
                </a:lnTo>
                <a:close/>
                <a:moveTo>
                  <a:pt x="3745675" y="1156689"/>
                </a:moveTo>
                <a:lnTo>
                  <a:pt x="3745675" y="1157134"/>
                </a:lnTo>
                <a:lnTo>
                  <a:pt x="3746119" y="1157134"/>
                </a:lnTo>
                <a:lnTo>
                  <a:pt x="3746119" y="1156689"/>
                </a:lnTo>
                <a:close/>
                <a:moveTo>
                  <a:pt x="3622617" y="1156689"/>
                </a:moveTo>
                <a:lnTo>
                  <a:pt x="3622617" y="1157134"/>
                </a:lnTo>
                <a:lnTo>
                  <a:pt x="3623061" y="1157134"/>
                </a:lnTo>
                <a:lnTo>
                  <a:pt x="3623061" y="1156689"/>
                </a:lnTo>
                <a:close/>
                <a:moveTo>
                  <a:pt x="3499523" y="1156689"/>
                </a:moveTo>
                <a:lnTo>
                  <a:pt x="3499523" y="1157134"/>
                </a:lnTo>
                <a:lnTo>
                  <a:pt x="3499967" y="1157134"/>
                </a:lnTo>
                <a:lnTo>
                  <a:pt x="3499967" y="1156689"/>
                </a:lnTo>
                <a:close/>
                <a:moveTo>
                  <a:pt x="3376281" y="1156505"/>
                </a:moveTo>
                <a:lnTo>
                  <a:pt x="3376281" y="1157358"/>
                </a:lnTo>
                <a:lnTo>
                  <a:pt x="3377133" y="1157358"/>
                </a:lnTo>
                <a:lnTo>
                  <a:pt x="3377133" y="1156505"/>
                </a:lnTo>
                <a:close/>
                <a:moveTo>
                  <a:pt x="3253001" y="1156283"/>
                </a:moveTo>
                <a:lnTo>
                  <a:pt x="3253001" y="1157579"/>
                </a:lnTo>
                <a:lnTo>
                  <a:pt x="3254297" y="1157579"/>
                </a:lnTo>
                <a:lnTo>
                  <a:pt x="3254297" y="1156283"/>
                </a:lnTo>
                <a:close/>
                <a:moveTo>
                  <a:pt x="3129722" y="1156061"/>
                </a:moveTo>
                <a:lnTo>
                  <a:pt x="3129722" y="1157802"/>
                </a:lnTo>
                <a:lnTo>
                  <a:pt x="3131462" y="1157802"/>
                </a:lnTo>
                <a:lnTo>
                  <a:pt x="3131462" y="1156061"/>
                </a:lnTo>
                <a:close/>
                <a:moveTo>
                  <a:pt x="3005998" y="1155395"/>
                </a:moveTo>
                <a:lnTo>
                  <a:pt x="3005998" y="1158431"/>
                </a:lnTo>
                <a:lnTo>
                  <a:pt x="3009035" y="1158431"/>
                </a:lnTo>
                <a:lnTo>
                  <a:pt x="3009035" y="1155395"/>
                </a:lnTo>
                <a:close/>
                <a:moveTo>
                  <a:pt x="2882274" y="1154764"/>
                </a:moveTo>
                <a:lnTo>
                  <a:pt x="2882274" y="1159098"/>
                </a:lnTo>
                <a:lnTo>
                  <a:pt x="2886607" y="1159098"/>
                </a:lnTo>
                <a:lnTo>
                  <a:pt x="2886607" y="1154764"/>
                </a:lnTo>
                <a:close/>
                <a:moveTo>
                  <a:pt x="2758143" y="1153653"/>
                </a:moveTo>
                <a:lnTo>
                  <a:pt x="2758143" y="1160171"/>
                </a:lnTo>
                <a:lnTo>
                  <a:pt x="2764661" y="1160171"/>
                </a:lnTo>
                <a:lnTo>
                  <a:pt x="2764661" y="1153653"/>
                </a:lnTo>
                <a:close/>
                <a:moveTo>
                  <a:pt x="2633567" y="1152135"/>
                </a:moveTo>
                <a:lnTo>
                  <a:pt x="2633567" y="1161689"/>
                </a:lnTo>
                <a:lnTo>
                  <a:pt x="2643121" y="1161689"/>
                </a:lnTo>
                <a:lnTo>
                  <a:pt x="2643121" y="1152135"/>
                </a:lnTo>
                <a:close/>
                <a:moveTo>
                  <a:pt x="2508547" y="1150172"/>
                </a:moveTo>
                <a:lnTo>
                  <a:pt x="2508547" y="1163652"/>
                </a:lnTo>
                <a:lnTo>
                  <a:pt x="2522027" y="1163652"/>
                </a:lnTo>
                <a:lnTo>
                  <a:pt x="2522027" y="1150172"/>
                </a:lnTo>
                <a:close/>
                <a:moveTo>
                  <a:pt x="2382675" y="1147361"/>
                </a:moveTo>
                <a:lnTo>
                  <a:pt x="2382675" y="1166467"/>
                </a:lnTo>
                <a:lnTo>
                  <a:pt x="2401783" y="1166467"/>
                </a:lnTo>
                <a:lnTo>
                  <a:pt x="2401783" y="1147361"/>
                </a:lnTo>
                <a:close/>
                <a:moveTo>
                  <a:pt x="2256766" y="1144543"/>
                </a:moveTo>
                <a:lnTo>
                  <a:pt x="2256766" y="1169317"/>
                </a:lnTo>
                <a:lnTo>
                  <a:pt x="2281540" y="1169317"/>
                </a:lnTo>
                <a:lnTo>
                  <a:pt x="2281540" y="1144543"/>
                </a:lnTo>
                <a:close/>
                <a:moveTo>
                  <a:pt x="2130228" y="1141063"/>
                </a:moveTo>
                <a:lnTo>
                  <a:pt x="2130228" y="1172761"/>
                </a:lnTo>
                <a:lnTo>
                  <a:pt x="2161927" y="1172761"/>
                </a:lnTo>
                <a:lnTo>
                  <a:pt x="2161927" y="1141063"/>
                </a:lnTo>
                <a:close/>
                <a:moveTo>
                  <a:pt x="2003912" y="1137804"/>
                </a:moveTo>
                <a:lnTo>
                  <a:pt x="2003912" y="1176021"/>
                </a:lnTo>
                <a:lnTo>
                  <a:pt x="2042129" y="1176021"/>
                </a:lnTo>
                <a:lnTo>
                  <a:pt x="2042129" y="1137804"/>
                </a:lnTo>
                <a:close/>
                <a:moveTo>
                  <a:pt x="1876966" y="1133915"/>
                </a:moveTo>
                <a:lnTo>
                  <a:pt x="1876966" y="1179946"/>
                </a:lnTo>
                <a:lnTo>
                  <a:pt x="1922997" y="1179946"/>
                </a:lnTo>
                <a:lnTo>
                  <a:pt x="1922997" y="1133915"/>
                </a:lnTo>
                <a:close/>
                <a:moveTo>
                  <a:pt x="1750206" y="1130212"/>
                </a:moveTo>
                <a:lnTo>
                  <a:pt x="1750206" y="1183649"/>
                </a:lnTo>
                <a:lnTo>
                  <a:pt x="1803643" y="1183649"/>
                </a:lnTo>
                <a:lnTo>
                  <a:pt x="1803643" y="1130212"/>
                </a:lnTo>
                <a:close/>
                <a:moveTo>
                  <a:pt x="1623223" y="1126287"/>
                </a:moveTo>
                <a:lnTo>
                  <a:pt x="1623223" y="1187538"/>
                </a:lnTo>
                <a:lnTo>
                  <a:pt x="1684474" y="1187538"/>
                </a:lnTo>
                <a:lnTo>
                  <a:pt x="1684474" y="1126287"/>
                </a:lnTo>
                <a:close/>
                <a:moveTo>
                  <a:pt x="1496499" y="1122622"/>
                </a:moveTo>
                <a:lnTo>
                  <a:pt x="1496499" y="1191241"/>
                </a:lnTo>
                <a:lnTo>
                  <a:pt x="1565119" y="1191241"/>
                </a:lnTo>
                <a:lnTo>
                  <a:pt x="1565119" y="1122622"/>
                </a:lnTo>
                <a:close/>
                <a:moveTo>
                  <a:pt x="1369739" y="1118955"/>
                </a:moveTo>
                <a:lnTo>
                  <a:pt x="1369739" y="1194944"/>
                </a:lnTo>
                <a:lnTo>
                  <a:pt x="1445729" y="1194944"/>
                </a:lnTo>
                <a:lnTo>
                  <a:pt x="1445729" y="1118955"/>
                </a:lnTo>
                <a:close/>
                <a:moveTo>
                  <a:pt x="1242978" y="1115214"/>
                </a:moveTo>
                <a:lnTo>
                  <a:pt x="1242978" y="1198610"/>
                </a:lnTo>
                <a:lnTo>
                  <a:pt x="1326374" y="1198610"/>
                </a:lnTo>
                <a:lnTo>
                  <a:pt x="1326374" y="1115214"/>
                </a:lnTo>
                <a:close/>
                <a:moveTo>
                  <a:pt x="1116662" y="1111955"/>
                </a:moveTo>
                <a:lnTo>
                  <a:pt x="1116662" y="1201870"/>
                </a:lnTo>
                <a:lnTo>
                  <a:pt x="1206576" y="1201870"/>
                </a:lnTo>
                <a:lnTo>
                  <a:pt x="1206576" y="1111955"/>
                </a:lnTo>
                <a:close/>
                <a:moveTo>
                  <a:pt x="990568" y="1108919"/>
                </a:moveTo>
                <a:lnTo>
                  <a:pt x="990568" y="1204907"/>
                </a:lnTo>
                <a:lnTo>
                  <a:pt x="1086555" y="1204907"/>
                </a:lnTo>
                <a:lnTo>
                  <a:pt x="1086555" y="1108919"/>
                </a:lnTo>
                <a:close/>
                <a:moveTo>
                  <a:pt x="864697" y="1106141"/>
                </a:moveTo>
                <a:lnTo>
                  <a:pt x="864697" y="1207757"/>
                </a:lnTo>
                <a:lnTo>
                  <a:pt x="966313" y="1207757"/>
                </a:lnTo>
                <a:lnTo>
                  <a:pt x="966313" y="1106141"/>
                </a:lnTo>
                <a:close/>
                <a:moveTo>
                  <a:pt x="739677" y="1104142"/>
                </a:moveTo>
                <a:lnTo>
                  <a:pt x="739677" y="1209683"/>
                </a:lnTo>
                <a:lnTo>
                  <a:pt x="845218" y="1209683"/>
                </a:lnTo>
                <a:lnTo>
                  <a:pt x="845218" y="1104142"/>
                </a:lnTo>
                <a:close/>
                <a:moveTo>
                  <a:pt x="615101" y="1102624"/>
                </a:moveTo>
                <a:lnTo>
                  <a:pt x="615101" y="1211201"/>
                </a:lnTo>
                <a:lnTo>
                  <a:pt x="723679" y="1211201"/>
                </a:lnTo>
                <a:lnTo>
                  <a:pt x="723679" y="1102624"/>
                </a:lnTo>
                <a:close/>
                <a:moveTo>
                  <a:pt x="491377" y="1101995"/>
                </a:moveTo>
                <a:lnTo>
                  <a:pt x="491377" y="1211868"/>
                </a:lnTo>
                <a:lnTo>
                  <a:pt x="601251" y="1211868"/>
                </a:lnTo>
                <a:lnTo>
                  <a:pt x="601251" y="1101995"/>
                </a:lnTo>
                <a:close/>
                <a:moveTo>
                  <a:pt x="367875" y="1101549"/>
                </a:moveTo>
                <a:lnTo>
                  <a:pt x="367875" y="1212311"/>
                </a:lnTo>
                <a:lnTo>
                  <a:pt x="478638" y="1212311"/>
                </a:lnTo>
                <a:lnTo>
                  <a:pt x="478638" y="1101549"/>
                </a:lnTo>
                <a:close/>
                <a:moveTo>
                  <a:pt x="244818" y="1101549"/>
                </a:moveTo>
                <a:lnTo>
                  <a:pt x="244818" y="1212311"/>
                </a:lnTo>
                <a:lnTo>
                  <a:pt x="355581" y="1212311"/>
                </a:lnTo>
                <a:lnTo>
                  <a:pt x="355581" y="1101549"/>
                </a:lnTo>
                <a:close/>
                <a:moveTo>
                  <a:pt x="121761" y="1101549"/>
                </a:moveTo>
                <a:lnTo>
                  <a:pt x="121761" y="1212311"/>
                </a:lnTo>
                <a:lnTo>
                  <a:pt x="232524" y="1212311"/>
                </a:lnTo>
                <a:lnTo>
                  <a:pt x="232524" y="1101549"/>
                </a:lnTo>
                <a:close/>
                <a:moveTo>
                  <a:pt x="4114847" y="1033628"/>
                </a:moveTo>
                <a:lnTo>
                  <a:pt x="4114847" y="1034072"/>
                </a:lnTo>
                <a:lnTo>
                  <a:pt x="4115291" y="1034072"/>
                </a:lnTo>
                <a:lnTo>
                  <a:pt x="4115291" y="1033628"/>
                </a:lnTo>
                <a:close/>
                <a:moveTo>
                  <a:pt x="3991789" y="1033628"/>
                </a:moveTo>
                <a:lnTo>
                  <a:pt x="3991789" y="1034072"/>
                </a:lnTo>
                <a:lnTo>
                  <a:pt x="3992234" y="1034072"/>
                </a:lnTo>
                <a:lnTo>
                  <a:pt x="3992234" y="1033628"/>
                </a:lnTo>
                <a:close/>
                <a:moveTo>
                  <a:pt x="3868732" y="1033628"/>
                </a:moveTo>
                <a:lnTo>
                  <a:pt x="3868732" y="1034072"/>
                </a:lnTo>
                <a:lnTo>
                  <a:pt x="3869176" y="1034072"/>
                </a:lnTo>
                <a:lnTo>
                  <a:pt x="3869176" y="1033628"/>
                </a:lnTo>
                <a:close/>
                <a:moveTo>
                  <a:pt x="3745675" y="1033628"/>
                </a:moveTo>
                <a:lnTo>
                  <a:pt x="3745675" y="1034072"/>
                </a:lnTo>
                <a:lnTo>
                  <a:pt x="3746119" y="1034072"/>
                </a:lnTo>
                <a:lnTo>
                  <a:pt x="3746119" y="1033628"/>
                </a:lnTo>
                <a:close/>
                <a:moveTo>
                  <a:pt x="3622617" y="1033628"/>
                </a:moveTo>
                <a:lnTo>
                  <a:pt x="3622617" y="1034072"/>
                </a:lnTo>
                <a:lnTo>
                  <a:pt x="3623061" y="1034072"/>
                </a:lnTo>
                <a:lnTo>
                  <a:pt x="3623061" y="1033628"/>
                </a:lnTo>
                <a:close/>
                <a:moveTo>
                  <a:pt x="5714629" y="1033627"/>
                </a:moveTo>
                <a:lnTo>
                  <a:pt x="5714629" y="1034071"/>
                </a:lnTo>
                <a:lnTo>
                  <a:pt x="5715073" y="1034071"/>
                </a:lnTo>
                <a:lnTo>
                  <a:pt x="5715073" y="1033627"/>
                </a:lnTo>
                <a:close/>
                <a:moveTo>
                  <a:pt x="5591572" y="1033627"/>
                </a:moveTo>
                <a:lnTo>
                  <a:pt x="5591572" y="1034071"/>
                </a:lnTo>
                <a:lnTo>
                  <a:pt x="5592017" y="1034071"/>
                </a:lnTo>
                <a:lnTo>
                  <a:pt x="5592017" y="1033627"/>
                </a:lnTo>
                <a:close/>
                <a:moveTo>
                  <a:pt x="5468514" y="1033627"/>
                </a:moveTo>
                <a:lnTo>
                  <a:pt x="5468514" y="1034071"/>
                </a:lnTo>
                <a:lnTo>
                  <a:pt x="5468958" y="1034071"/>
                </a:lnTo>
                <a:lnTo>
                  <a:pt x="5468958" y="1033627"/>
                </a:lnTo>
                <a:close/>
                <a:moveTo>
                  <a:pt x="5345457" y="1033627"/>
                </a:moveTo>
                <a:lnTo>
                  <a:pt x="5345457" y="1034071"/>
                </a:lnTo>
                <a:lnTo>
                  <a:pt x="5345901" y="1034071"/>
                </a:lnTo>
                <a:lnTo>
                  <a:pt x="5345901" y="1033627"/>
                </a:lnTo>
                <a:close/>
                <a:moveTo>
                  <a:pt x="5222400" y="1033627"/>
                </a:moveTo>
                <a:lnTo>
                  <a:pt x="5222400" y="1034071"/>
                </a:lnTo>
                <a:lnTo>
                  <a:pt x="5222844" y="1034071"/>
                </a:lnTo>
                <a:lnTo>
                  <a:pt x="5222844" y="1033627"/>
                </a:lnTo>
                <a:close/>
                <a:moveTo>
                  <a:pt x="5099305" y="1033627"/>
                </a:moveTo>
                <a:lnTo>
                  <a:pt x="5099305" y="1034071"/>
                </a:lnTo>
                <a:lnTo>
                  <a:pt x="5099749" y="1034071"/>
                </a:lnTo>
                <a:lnTo>
                  <a:pt x="5099749" y="1033627"/>
                </a:lnTo>
                <a:close/>
                <a:moveTo>
                  <a:pt x="4976248" y="1033627"/>
                </a:moveTo>
                <a:lnTo>
                  <a:pt x="4976248" y="1034071"/>
                </a:lnTo>
                <a:lnTo>
                  <a:pt x="4976692" y="1034071"/>
                </a:lnTo>
                <a:lnTo>
                  <a:pt x="4976692" y="1033627"/>
                </a:lnTo>
                <a:close/>
                <a:moveTo>
                  <a:pt x="4853191" y="1033627"/>
                </a:moveTo>
                <a:lnTo>
                  <a:pt x="4853191" y="1034071"/>
                </a:lnTo>
                <a:lnTo>
                  <a:pt x="4853636" y="1034071"/>
                </a:lnTo>
                <a:lnTo>
                  <a:pt x="4853636" y="1033627"/>
                </a:lnTo>
                <a:close/>
                <a:moveTo>
                  <a:pt x="4730133" y="1033627"/>
                </a:moveTo>
                <a:lnTo>
                  <a:pt x="4730133" y="1034071"/>
                </a:lnTo>
                <a:lnTo>
                  <a:pt x="4730578" y="1034071"/>
                </a:lnTo>
                <a:lnTo>
                  <a:pt x="4730578" y="1033627"/>
                </a:lnTo>
                <a:close/>
                <a:moveTo>
                  <a:pt x="4607076" y="1033627"/>
                </a:moveTo>
                <a:lnTo>
                  <a:pt x="4607076" y="1034072"/>
                </a:lnTo>
                <a:lnTo>
                  <a:pt x="4607520" y="1034072"/>
                </a:lnTo>
                <a:lnTo>
                  <a:pt x="4607520" y="1033627"/>
                </a:lnTo>
                <a:close/>
                <a:moveTo>
                  <a:pt x="3499338" y="1033442"/>
                </a:moveTo>
                <a:lnTo>
                  <a:pt x="3499338" y="1034294"/>
                </a:lnTo>
                <a:lnTo>
                  <a:pt x="3500190" y="1034294"/>
                </a:lnTo>
                <a:lnTo>
                  <a:pt x="3500190" y="1033442"/>
                </a:lnTo>
                <a:close/>
                <a:moveTo>
                  <a:pt x="3376058" y="1033221"/>
                </a:moveTo>
                <a:lnTo>
                  <a:pt x="3376058" y="1034517"/>
                </a:lnTo>
                <a:lnTo>
                  <a:pt x="3377354" y="1034517"/>
                </a:lnTo>
                <a:lnTo>
                  <a:pt x="3377354" y="1033221"/>
                </a:lnTo>
                <a:close/>
                <a:moveTo>
                  <a:pt x="3252779" y="1033000"/>
                </a:moveTo>
                <a:lnTo>
                  <a:pt x="3252779" y="1034739"/>
                </a:lnTo>
                <a:lnTo>
                  <a:pt x="3254519" y="1034739"/>
                </a:lnTo>
                <a:lnTo>
                  <a:pt x="3254519" y="1033000"/>
                </a:lnTo>
                <a:close/>
                <a:moveTo>
                  <a:pt x="3129055" y="1032331"/>
                </a:moveTo>
                <a:lnTo>
                  <a:pt x="3129055" y="1035368"/>
                </a:lnTo>
                <a:lnTo>
                  <a:pt x="3132092" y="1035368"/>
                </a:lnTo>
                <a:lnTo>
                  <a:pt x="3132092" y="1032331"/>
                </a:lnTo>
                <a:close/>
                <a:moveTo>
                  <a:pt x="3005553" y="1031887"/>
                </a:moveTo>
                <a:lnTo>
                  <a:pt x="3005553" y="1035813"/>
                </a:lnTo>
                <a:lnTo>
                  <a:pt x="3009478" y="1035813"/>
                </a:lnTo>
                <a:lnTo>
                  <a:pt x="3009478" y="1031887"/>
                </a:lnTo>
                <a:close/>
                <a:moveTo>
                  <a:pt x="2881644" y="1031035"/>
                </a:moveTo>
                <a:lnTo>
                  <a:pt x="2881644" y="1036664"/>
                </a:lnTo>
                <a:lnTo>
                  <a:pt x="2887273" y="1036664"/>
                </a:lnTo>
                <a:lnTo>
                  <a:pt x="2887273" y="1031035"/>
                </a:lnTo>
                <a:close/>
                <a:moveTo>
                  <a:pt x="2757254" y="1029741"/>
                </a:moveTo>
                <a:lnTo>
                  <a:pt x="2757254" y="1037998"/>
                </a:lnTo>
                <a:lnTo>
                  <a:pt x="2765512" y="1037998"/>
                </a:lnTo>
                <a:lnTo>
                  <a:pt x="2765512" y="1029741"/>
                </a:lnTo>
                <a:close/>
                <a:moveTo>
                  <a:pt x="2632456" y="1028000"/>
                </a:moveTo>
                <a:lnTo>
                  <a:pt x="2632456" y="1039739"/>
                </a:lnTo>
                <a:lnTo>
                  <a:pt x="2644195" y="1039739"/>
                </a:lnTo>
                <a:lnTo>
                  <a:pt x="2644195" y="1028000"/>
                </a:lnTo>
                <a:close/>
                <a:moveTo>
                  <a:pt x="2507473" y="1026037"/>
                </a:moveTo>
                <a:lnTo>
                  <a:pt x="2507473" y="1041665"/>
                </a:lnTo>
                <a:lnTo>
                  <a:pt x="2523100" y="1041665"/>
                </a:lnTo>
                <a:lnTo>
                  <a:pt x="2523100" y="1026037"/>
                </a:lnTo>
                <a:close/>
                <a:moveTo>
                  <a:pt x="2381786" y="1023445"/>
                </a:moveTo>
                <a:lnTo>
                  <a:pt x="2381786" y="1044293"/>
                </a:lnTo>
                <a:lnTo>
                  <a:pt x="2402635" y="1044293"/>
                </a:lnTo>
                <a:lnTo>
                  <a:pt x="2402635" y="1023445"/>
                </a:lnTo>
                <a:close/>
                <a:moveTo>
                  <a:pt x="2255915" y="1020630"/>
                </a:moveTo>
                <a:lnTo>
                  <a:pt x="2255915" y="1047108"/>
                </a:lnTo>
                <a:lnTo>
                  <a:pt x="2282393" y="1047108"/>
                </a:lnTo>
                <a:lnTo>
                  <a:pt x="2282393" y="1020630"/>
                </a:lnTo>
                <a:close/>
                <a:moveTo>
                  <a:pt x="2129599" y="1017371"/>
                </a:moveTo>
                <a:lnTo>
                  <a:pt x="2129599" y="1050367"/>
                </a:lnTo>
                <a:lnTo>
                  <a:pt x="2162594" y="1050367"/>
                </a:lnTo>
                <a:lnTo>
                  <a:pt x="2162594" y="1017371"/>
                </a:lnTo>
                <a:close/>
                <a:moveTo>
                  <a:pt x="2003060" y="1013890"/>
                </a:moveTo>
                <a:lnTo>
                  <a:pt x="2003060" y="1053848"/>
                </a:lnTo>
                <a:lnTo>
                  <a:pt x="2043018" y="1053848"/>
                </a:lnTo>
                <a:lnTo>
                  <a:pt x="2043018" y="1013890"/>
                </a:lnTo>
                <a:close/>
                <a:moveTo>
                  <a:pt x="1876522" y="1010408"/>
                </a:moveTo>
                <a:lnTo>
                  <a:pt x="1876522" y="1057329"/>
                </a:lnTo>
                <a:lnTo>
                  <a:pt x="1923442" y="1057329"/>
                </a:lnTo>
                <a:lnTo>
                  <a:pt x="1923442" y="1010408"/>
                </a:lnTo>
                <a:close/>
                <a:moveTo>
                  <a:pt x="1749761" y="1006705"/>
                </a:moveTo>
                <a:lnTo>
                  <a:pt x="1749761" y="1060995"/>
                </a:lnTo>
                <a:lnTo>
                  <a:pt x="1804050" y="1060995"/>
                </a:lnTo>
                <a:lnTo>
                  <a:pt x="1804050" y="1006705"/>
                </a:lnTo>
                <a:close/>
                <a:moveTo>
                  <a:pt x="1622816" y="1002818"/>
                </a:moveTo>
                <a:lnTo>
                  <a:pt x="1622816" y="1064922"/>
                </a:lnTo>
                <a:lnTo>
                  <a:pt x="1684919" y="1064922"/>
                </a:lnTo>
                <a:lnTo>
                  <a:pt x="1684919" y="1002818"/>
                </a:lnTo>
                <a:close/>
                <a:moveTo>
                  <a:pt x="1496055" y="999078"/>
                </a:moveTo>
                <a:lnTo>
                  <a:pt x="1496055" y="1068589"/>
                </a:lnTo>
                <a:lnTo>
                  <a:pt x="1565564" y="1068589"/>
                </a:lnTo>
                <a:lnTo>
                  <a:pt x="1565564" y="999078"/>
                </a:lnTo>
                <a:close/>
                <a:moveTo>
                  <a:pt x="1369517" y="995634"/>
                </a:moveTo>
                <a:lnTo>
                  <a:pt x="1369517" y="1072070"/>
                </a:lnTo>
                <a:lnTo>
                  <a:pt x="1445951" y="1072070"/>
                </a:lnTo>
                <a:lnTo>
                  <a:pt x="1445951" y="995634"/>
                </a:lnTo>
                <a:close/>
                <a:moveTo>
                  <a:pt x="1242978" y="992154"/>
                </a:moveTo>
                <a:lnTo>
                  <a:pt x="1242978" y="1075552"/>
                </a:lnTo>
                <a:lnTo>
                  <a:pt x="1326374" y="1075552"/>
                </a:lnTo>
                <a:lnTo>
                  <a:pt x="1326374" y="992154"/>
                </a:lnTo>
                <a:close/>
                <a:moveTo>
                  <a:pt x="1116662" y="988894"/>
                </a:moveTo>
                <a:lnTo>
                  <a:pt x="1116662" y="1078810"/>
                </a:lnTo>
                <a:lnTo>
                  <a:pt x="1206576" y="1078810"/>
                </a:lnTo>
                <a:lnTo>
                  <a:pt x="1206576" y="988894"/>
                </a:lnTo>
                <a:close/>
                <a:moveTo>
                  <a:pt x="990568" y="985857"/>
                </a:moveTo>
                <a:lnTo>
                  <a:pt x="990568" y="1081846"/>
                </a:lnTo>
                <a:lnTo>
                  <a:pt x="1086555" y="1081846"/>
                </a:lnTo>
                <a:lnTo>
                  <a:pt x="1086555" y="985857"/>
                </a:lnTo>
                <a:close/>
                <a:moveTo>
                  <a:pt x="865104" y="983489"/>
                </a:moveTo>
                <a:lnTo>
                  <a:pt x="865104" y="1084254"/>
                </a:lnTo>
                <a:lnTo>
                  <a:pt x="965868" y="1084254"/>
                </a:lnTo>
                <a:lnTo>
                  <a:pt x="965868" y="983489"/>
                </a:lnTo>
                <a:close/>
                <a:moveTo>
                  <a:pt x="740306" y="981747"/>
                </a:moveTo>
                <a:lnTo>
                  <a:pt x="740306" y="1085994"/>
                </a:lnTo>
                <a:lnTo>
                  <a:pt x="844551" y="1085994"/>
                </a:lnTo>
                <a:lnTo>
                  <a:pt x="844551" y="981747"/>
                </a:lnTo>
                <a:close/>
                <a:moveTo>
                  <a:pt x="615508" y="980007"/>
                </a:moveTo>
                <a:lnTo>
                  <a:pt x="615508" y="1087737"/>
                </a:lnTo>
                <a:lnTo>
                  <a:pt x="723234" y="1087737"/>
                </a:lnTo>
                <a:lnTo>
                  <a:pt x="723234" y="980007"/>
                </a:lnTo>
                <a:close/>
                <a:moveTo>
                  <a:pt x="491821" y="979342"/>
                </a:moveTo>
                <a:lnTo>
                  <a:pt x="491821" y="1088365"/>
                </a:lnTo>
                <a:lnTo>
                  <a:pt x="600843" y="1088365"/>
                </a:lnTo>
                <a:lnTo>
                  <a:pt x="600843" y="979342"/>
                </a:lnTo>
                <a:close/>
                <a:moveTo>
                  <a:pt x="368098" y="978711"/>
                </a:moveTo>
                <a:lnTo>
                  <a:pt x="368098" y="1089032"/>
                </a:lnTo>
                <a:lnTo>
                  <a:pt x="478416" y="1089032"/>
                </a:lnTo>
                <a:lnTo>
                  <a:pt x="478416" y="978711"/>
                </a:lnTo>
                <a:close/>
                <a:moveTo>
                  <a:pt x="244818" y="978489"/>
                </a:moveTo>
                <a:lnTo>
                  <a:pt x="244818" y="1089255"/>
                </a:lnTo>
                <a:lnTo>
                  <a:pt x="355581" y="1089255"/>
                </a:lnTo>
                <a:lnTo>
                  <a:pt x="355581" y="978489"/>
                </a:lnTo>
                <a:close/>
                <a:moveTo>
                  <a:pt x="121761" y="978489"/>
                </a:moveTo>
                <a:lnTo>
                  <a:pt x="121761" y="1089255"/>
                </a:lnTo>
                <a:lnTo>
                  <a:pt x="232524" y="1089255"/>
                </a:lnTo>
                <a:lnTo>
                  <a:pt x="232524" y="978489"/>
                </a:lnTo>
                <a:close/>
                <a:moveTo>
                  <a:pt x="4976248" y="910567"/>
                </a:moveTo>
                <a:lnTo>
                  <a:pt x="4976248" y="911010"/>
                </a:lnTo>
                <a:lnTo>
                  <a:pt x="4976692" y="911010"/>
                </a:lnTo>
                <a:lnTo>
                  <a:pt x="4976692" y="910567"/>
                </a:lnTo>
                <a:close/>
                <a:moveTo>
                  <a:pt x="4853191" y="910567"/>
                </a:moveTo>
                <a:lnTo>
                  <a:pt x="4853191" y="911010"/>
                </a:lnTo>
                <a:lnTo>
                  <a:pt x="4853636" y="911010"/>
                </a:lnTo>
                <a:lnTo>
                  <a:pt x="4853636" y="910567"/>
                </a:lnTo>
                <a:close/>
                <a:moveTo>
                  <a:pt x="4730133" y="910567"/>
                </a:moveTo>
                <a:lnTo>
                  <a:pt x="4730133" y="911011"/>
                </a:lnTo>
                <a:lnTo>
                  <a:pt x="4730578" y="911011"/>
                </a:lnTo>
                <a:lnTo>
                  <a:pt x="4730578" y="910567"/>
                </a:lnTo>
                <a:close/>
                <a:moveTo>
                  <a:pt x="4607076" y="910567"/>
                </a:moveTo>
                <a:lnTo>
                  <a:pt x="4607076" y="911011"/>
                </a:lnTo>
                <a:lnTo>
                  <a:pt x="4607520" y="911011"/>
                </a:lnTo>
                <a:lnTo>
                  <a:pt x="4607520" y="910567"/>
                </a:lnTo>
                <a:close/>
                <a:moveTo>
                  <a:pt x="4237904" y="910567"/>
                </a:moveTo>
                <a:lnTo>
                  <a:pt x="4237904" y="911011"/>
                </a:lnTo>
                <a:lnTo>
                  <a:pt x="4238348" y="911011"/>
                </a:lnTo>
                <a:lnTo>
                  <a:pt x="4238348" y="910567"/>
                </a:lnTo>
                <a:close/>
                <a:moveTo>
                  <a:pt x="4114847" y="910567"/>
                </a:moveTo>
                <a:lnTo>
                  <a:pt x="4114847" y="911011"/>
                </a:lnTo>
                <a:lnTo>
                  <a:pt x="4115291" y="911011"/>
                </a:lnTo>
                <a:lnTo>
                  <a:pt x="4115291" y="910567"/>
                </a:lnTo>
                <a:close/>
                <a:moveTo>
                  <a:pt x="3991789" y="910567"/>
                </a:moveTo>
                <a:lnTo>
                  <a:pt x="3991789" y="911011"/>
                </a:lnTo>
                <a:lnTo>
                  <a:pt x="3992234" y="911011"/>
                </a:lnTo>
                <a:lnTo>
                  <a:pt x="3992234" y="910567"/>
                </a:lnTo>
                <a:close/>
                <a:moveTo>
                  <a:pt x="3868732" y="910567"/>
                </a:moveTo>
                <a:lnTo>
                  <a:pt x="3868732" y="911011"/>
                </a:lnTo>
                <a:lnTo>
                  <a:pt x="3869176" y="911011"/>
                </a:lnTo>
                <a:lnTo>
                  <a:pt x="3869176" y="910567"/>
                </a:lnTo>
                <a:close/>
                <a:moveTo>
                  <a:pt x="3745675" y="910567"/>
                </a:moveTo>
                <a:lnTo>
                  <a:pt x="3745675" y="911011"/>
                </a:lnTo>
                <a:lnTo>
                  <a:pt x="3746119" y="911011"/>
                </a:lnTo>
                <a:lnTo>
                  <a:pt x="3746119" y="910567"/>
                </a:lnTo>
                <a:close/>
                <a:moveTo>
                  <a:pt x="5714629" y="910566"/>
                </a:moveTo>
                <a:lnTo>
                  <a:pt x="5714629" y="911010"/>
                </a:lnTo>
                <a:lnTo>
                  <a:pt x="5715073" y="911010"/>
                </a:lnTo>
                <a:lnTo>
                  <a:pt x="5715073" y="910566"/>
                </a:lnTo>
                <a:close/>
                <a:moveTo>
                  <a:pt x="5591572" y="910566"/>
                </a:moveTo>
                <a:lnTo>
                  <a:pt x="5591572" y="911010"/>
                </a:lnTo>
                <a:lnTo>
                  <a:pt x="5592017" y="911010"/>
                </a:lnTo>
                <a:lnTo>
                  <a:pt x="5592017" y="910566"/>
                </a:lnTo>
                <a:close/>
                <a:moveTo>
                  <a:pt x="5468514" y="910566"/>
                </a:moveTo>
                <a:lnTo>
                  <a:pt x="5468514" y="911010"/>
                </a:lnTo>
                <a:lnTo>
                  <a:pt x="5468958" y="911010"/>
                </a:lnTo>
                <a:lnTo>
                  <a:pt x="5468958" y="910566"/>
                </a:lnTo>
                <a:close/>
                <a:moveTo>
                  <a:pt x="5345457" y="910566"/>
                </a:moveTo>
                <a:lnTo>
                  <a:pt x="5345457" y="911010"/>
                </a:lnTo>
                <a:lnTo>
                  <a:pt x="5345901" y="911010"/>
                </a:lnTo>
                <a:lnTo>
                  <a:pt x="5345901" y="910566"/>
                </a:lnTo>
                <a:close/>
                <a:moveTo>
                  <a:pt x="5222400" y="910566"/>
                </a:moveTo>
                <a:lnTo>
                  <a:pt x="5222400" y="911010"/>
                </a:lnTo>
                <a:lnTo>
                  <a:pt x="5222844" y="911010"/>
                </a:lnTo>
                <a:lnTo>
                  <a:pt x="5222844" y="910566"/>
                </a:lnTo>
                <a:close/>
                <a:moveTo>
                  <a:pt x="5099305" y="910566"/>
                </a:moveTo>
                <a:lnTo>
                  <a:pt x="5099305" y="911010"/>
                </a:lnTo>
                <a:lnTo>
                  <a:pt x="5099749" y="911010"/>
                </a:lnTo>
                <a:lnTo>
                  <a:pt x="5099749" y="910566"/>
                </a:lnTo>
                <a:close/>
                <a:moveTo>
                  <a:pt x="3622395" y="910382"/>
                </a:moveTo>
                <a:lnTo>
                  <a:pt x="3622395" y="911233"/>
                </a:lnTo>
                <a:lnTo>
                  <a:pt x="3623247" y="911233"/>
                </a:lnTo>
                <a:lnTo>
                  <a:pt x="3623247" y="910382"/>
                </a:lnTo>
                <a:close/>
                <a:moveTo>
                  <a:pt x="3499116" y="910159"/>
                </a:moveTo>
                <a:lnTo>
                  <a:pt x="3499116" y="911455"/>
                </a:lnTo>
                <a:lnTo>
                  <a:pt x="3500412" y="911455"/>
                </a:lnTo>
                <a:lnTo>
                  <a:pt x="3500412" y="910159"/>
                </a:lnTo>
                <a:close/>
                <a:moveTo>
                  <a:pt x="3375836" y="909938"/>
                </a:moveTo>
                <a:lnTo>
                  <a:pt x="3375836" y="911677"/>
                </a:lnTo>
                <a:lnTo>
                  <a:pt x="3377576" y="911677"/>
                </a:lnTo>
                <a:lnTo>
                  <a:pt x="3377576" y="909938"/>
                </a:lnTo>
                <a:close/>
                <a:moveTo>
                  <a:pt x="3252335" y="909493"/>
                </a:moveTo>
                <a:lnTo>
                  <a:pt x="3252335" y="912085"/>
                </a:lnTo>
                <a:lnTo>
                  <a:pt x="3254927" y="912085"/>
                </a:lnTo>
                <a:lnTo>
                  <a:pt x="3254927" y="909493"/>
                </a:lnTo>
                <a:close/>
                <a:moveTo>
                  <a:pt x="3128611" y="908825"/>
                </a:moveTo>
                <a:lnTo>
                  <a:pt x="3128611" y="912751"/>
                </a:lnTo>
                <a:lnTo>
                  <a:pt x="3132536" y="912751"/>
                </a:lnTo>
                <a:lnTo>
                  <a:pt x="3132536" y="908825"/>
                </a:lnTo>
                <a:close/>
                <a:moveTo>
                  <a:pt x="3004924" y="908196"/>
                </a:moveTo>
                <a:lnTo>
                  <a:pt x="3004924" y="913419"/>
                </a:lnTo>
                <a:lnTo>
                  <a:pt x="3010145" y="913419"/>
                </a:lnTo>
                <a:lnTo>
                  <a:pt x="3010145" y="908196"/>
                </a:lnTo>
                <a:close/>
                <a:moveTo>
                  <a:pt x="2880756" y="907123"/>
                </a:moveTo>
                <a:lnTo>
                  <a:pt x="2880756" y="914492"/>
                </a:lnTo>
                <a:lnTo>
                  <a:pt x="2888125" y="914492"/>
                </a:lnTo>
                <a:lnTo>
                  <a:pt x="2888125" y="907123"/>
                </a:lnTo>
                <a:close/>
                <a:moveTo>
                  <a:pt x="2756402" y="905791"/>
                </a:moveTo>
                <a:lnTo>
                  <a:pt x="2756402" y="915788"/>
                </a:lnTo>
                <a:lnTo>
                  <a:pt x="2766401" y="915788"/>
                </a:lnTo>
                <a:lnTo>
                  <a:pt x="2766401" y="905791"/>
                </a:lnTo>
                <a:close/>
                <a:moveTo>
                  <a:pt x="2631604" y="904048"/>
                </a:moveTo>
                <a:lnTo>
                  <a:pt x="2631604" y="917528"/>
                </a:lnTo>
                <a:lnTo>
                  <a:pt x="2645084" y="917528"/>
                </a:lnTo>
                <a:lnTo>
                  <a:pt x="2645084" y="904048"/>
                </a:lnTo>
                <a:close/>
                <a:moveTo>
                  <a:pt x="2506362" y="901901"/>
                </a:moveTo>
                <a:lnTo>
                  <a:pt x="2506362" y="919714"/>
                </a:lnTo>
                <a:lnTo>
                  <a:pt x="2524174" y="919714"/>
                </a:lnTo>
                <a:lnTo>
                  <a:pt x="2524174" y="901901"/>
                </a:lnTo>
                <a:close/>
                <a:moveTo>
                  <a:pt x="2380935" y="899495"/>
                </a:moveTo>
                <a:lnTo>
                  <a:pt x="2380935" y="922084"/>
                </a:lnTo>
                <a:lnTo>
                  <a:pt x="2403524" y="922084"/>
                </a:lnTo>
                <a:lnTo>
                  <a:pt x="2403524" y="899495"/>
                </a:lnTo>
                <a:close/>
                <a:moveTo>
                  <a:pt x="2255026" y="896680"/>
                </a:moveTo>
                <a:lnTo>
                  <a:pt x="2255026" y="924898"/>
                </a:lnTo>
                <a:lnTo>
                  <a:pt x="2283244" y="924898"/>
                </a:lnTo>
                <a:lnTo>
                  <a:pt x="2283244" y="896680"/>
                </a:lnTo>
                <a:close/>
                <a:moveTo>
                  <a:pt x="2128710" y="893421"/>
                </a:moveTo>
                <a:lnTo>
                  <a:pt x="2128710" y="928158"/>
                </a:lnTo>
                <a:lnTo>
                  <a:pt x="2163446" y="928158"/>
                </a:lnTo>
                <a:lnTo>
                  <a:pt x="2163446" y="893421"/>
                </a:lnTo>
                <a:close/>
                <a:moveTo>
                  <a:pt x="2002394" y="890162"/>
                </a:moveTo>
                <a:lnTo>
                  <a:pt x="2002394" y="931415"/>
                </a:lnTo>
                <a:lnTo>
                  <a:pt x="2043648" y="931415"/>
                </a:lnTo>
                <a:lnTo>
                  <a:pt x="2043648" y="890162"/>
                </a:lnTo>
                <a:close/>
                <a:moveTo>
                  <a:pt x="1875855" y="886681"/>
                </a:moveTo>
                <a:lnTo>
                  <a:pt x="1875855" y="934897"/>
                </a:lnTo>
                <a:lnTo>
                  <a:pt x="1924071" y="934897"/>
                </a:lnTo>
                <a:lnTo>
                  <a:pt x="1924071" y="886681"/>
                </a:lnTo>
                <a:close/>
                <a:moveTo>
                  <a:pt x="1749132" y="883015"/>
                </a:moveTo>
                <a:lnTo>
                  <a:pt x="1749132" y="938601"/>
                </a:lnTo>
                <a:lnTo>
                  <a:pt x="1804717" y="938601"/>
                </a:lnTo>
                <a:lnTo>
                  <a:pt x="1804717" y="883015"/>
                </a:lnTo>
                <a:close/>
                <a:moveTo>
                  <a:pt x="1622593" y="879534"/>
                </a:moveTo>
                <a:lnTo>
                  <a:pt x="1622593" y="942082"/>
                </a:lnTo>
                <a:lnTo>
                  <a:pt x="1685140" y="942082"/>
                </a:lnTo>
                <a:lnTo>
                  <a:pt x="1685140" y="879534"/>
                </a:lnTo>
                <a:close/>
                <a:moveTo>
                  <a:pt x="1495833" y="875832"/>
                </a:moveTo>
                <a:lnTo>
                  <a:pt x="1495833" y="945749"/>
                </a:lnTo>
                <a:lnTo>
                  <a:pt x="1565749" y="945749"/>
                </a:lnTo>
                <a:lnTo>
                  <a:pt x="1565749" y="875832"/>
                </a:lnTo>
                <a:close/>
                <a:moveTo>
                  <a:pt x="1369295" y="872350"/>
                </a:moveTo>
                <a:lnTo>
                  <a:pt x="1369295" y="949229"/>
                </a:lnTo>
                <a:lnTo>
                  <a:pt x="1446174" y="949229"/>
                </a:lnTo>
                <a:lnTo>
                  <a:pt x="1446174" y="872350"/>
                </a:lnTo>
                <a:close/>
                <a:moveTo>
                  <a:pt x="1242978" y="869093"/>
                </a:moveTo>
                <a:lnTo>
                  <a:pt x="1242978" y="952488"/>
                </a:lnTo>
                <a:lnTo>
                  <a:pt x="1326374" y="952488"/>
                </a:lnTo>
                <a:lnTo>
                  <a:pt x="1326374" y="869093"/>
                </a:lnTo>
                <a:close/>
                <a:moveTo>
                  <a:pt x="1116885" y="866055"/>
                </a:moveTo>
                <a:lnTo>
                  <a:pt x="1116885" y="955525"/>
                </a:lnTo>
                <a:lnTo>
                  <a:pt x="1206354" y="955525"/>
                </a:lnTo>
                <a:lnTo>
                  <a:pt x="1206354" y="866055"/>
                </a:lnTo>
                <a:close/>
                <a:moveTo>
                  <a:pt x="991013" y="863205"/>
                </a:moveTo>
                <a:lnTo>
                  <a:pt x="991013" y="958340"/>
                </a:lnTo>
                <a:lnTo>
                  <a:pt x="1086148" y="958340"/>
                </a:lnTo>
                <a:lnTo>
                  <a:pt x="1086148" y="863205"/>
                </a:lnTo>
                <a:close/>
                <a:moveTo>
                  <a:pt x="865548" y="860835"/>
                </a:moveTo>
                <a:lnTo>
                  <a:pt x="865548" y="960746"/>
                </a:lnTo>
                <a:lnTo>
                  <a:pt x="965460" y="960746"/>
                </a:lnTo>
                <a:lnTo>
                  <a:pt x="965460" y="860835"/>
                </a:lnTo>
                <a:close/>
                <a:moveTo>
                  <a:pt x="740528" y="858907"/>
                </a:moveTo>
                <a:lnTo>
                  <a:pt x="740528" y="962709"/>
                </a:lnTo>
                <a:lnTo>
                  <a:pt x="844329" y="962709"/>
                </a:lnTo>
                <a:lnTo>
                  <a:pt x="844329" y="858907"/>
                </a:lnTo>
                <a:close/>
                <a:moveTo>
                  <a:pt x="615953" y="857391"/>
                </a:moveTo>
                <a:lnTo>
                  <a:pt x="615953" y="964228"/>
                </a:lnTo>
                <a:lnTo>
                  <a:pt x="722790" y="964228"/>
                </a:lnTo>
                <a:lnTo>
                  <a:pt x="722790" y="857391"/>
                </a:lnTo>
                <a:close/>
                <a:moveTo>
                  <a:pt x="492007" y="856501"/>
                </a:moveTo>
                <a:lnTo>
                  <a:pt x="492007" y="965080"/>
                </a:lnTo>
                <a:lnTo>
                  <a:pt x="600585" y="965080"/>
                </a:lnTo>
                <a:lnTo>
                  <a:pt x="600585" y="856501"/>
                </a:lnTo>
                <a:close/>
                <a:moveTo>
                  <a:pt x="368320" y="855872"/>
                </a:moveTo>
                <a:lnTo>
                  <a:pt x="368320" y="965746"/>
                </a:lnTo>
                <a:lnTo>
                  <a:pt x="478194" y="965746"/>
                </a:lnTo>
                <a:lnTo>
                  <a:pt x="478194" y="855872"/>
                </a:lnTo>
                <a:close/>
                <a:moveTo>
                  <a:pt x="244818" y="855427"/>
                </a:moveTo>
                <a:lnTo>
                  <a:pt x="244818" y="966190"/>
                </a:lnTo>
                <a:lnTo>
                  <a:pt x="355581" y="966190"/>
                </a:lnTo>
                <a:lnTo>
                  <a:pt x="355581" y="855427"/>
                </a:lnTo>
                <a:close/>
                <a:moveTo>
                  <a:pt x="121761" y="855427"/>
                </a:moveTo>
                <a:lnTo>
                  <a:pt x="121761" y="966190"/>
                </a:lnTo>
                <a:lnTo>
                  <a:pt x="232524" y="966190"/>
                </a:lnTo>
                <a:lnTo>
                  <a:pt x="232524" y="855427"/>
                </a:lnTo>
                <a:close/>
                <a:moveTo>
                  <a:pt x="3868732" y="787506"/>
                </a:moveTo>
                <a:lnTo>
                  <a:pt x="3868732" y="787949"/>
                </a:lnTo>
                <a:lnTo>
                  <a:pt x="3869176" y="787949"/>
                </a:lnTo>
                <a:lnTo>
                  <a:pt x="3869176" y="787506"/>
                </a:lnTo>
                <a:close/>
                <a:moveTo>
                  <a:pt x="3745675" y="787506"/>
                </a:moveTo>
                <a:lnTo>
                  <a:pt x="3745675" y="787949"/>
                </a:lnTo>
                <a:lnTo>
                  <a:pt x="3746119" y="787949"/>
                </a:lnTo>
                <a:lnTo>
                  <a:pt x="3746119" y="787506"/>
                </a:lnTo>
                <a:close/>
                <a:moveTo>
                  <a:pt x="5714629" y="787505"/>
                </a:moveTo>
                <a:lnTo>
                  <a:pt x="5714629" y="787948"/>
                </a:lnTo>
                <a:lnTo>
                  <a:pt x="5715073" y="787948"/>
                </a:lnTo>
                <a:lnTo>
                  <a:pt x="5715073" y="787505"/>
                </a:lnTo>
                <a:close/>
                <a:moveTo>
                  <a:pt x="5591572" y="787505"/>
                </a:moveTo>
                <a:lnTo>
                  <a:pt x="5591572" y="787948"/>
                </a:lnTo>
                <a:lnTo>
                  <a:pt x="5592017" y="787948"/>
                </a:lnTo>
                <a:lnTo>
                  <a:pt x="5592017" y="787505"/>
                </a:lnTo>
                <a:close/>
                <a:moveTo>
                  <a:pt x="5468514" y="787505"/>
                </a:moveTo>
                <a:lnTo>
                  <a:pt x="5468514" y="787948"/>
                </a:lnTo>
                <a:lnTo>
                  <a:pt x="5468958" y="787948"/>
                </a:lnTo>
                <a:lnTo>
                  <a:pt x="5468958" y="787505"/>
                </a:lnTo>
                <a:close/>
                <a:moveTo>
                  <a:pt x="5345457" y="787505"/>
                </a:moveTo>
                <a:lnTo>
                  <a:pt x="5345457" y="787949"/>
                </a:lnTo>
                <a:lnTo>
                  <a:pt x="5345901" y="787949"/>
                </a:lnTo>
                <a:lnTo>
                  <a:pt x="5345901" y="787505"/>
                </a:lnTo>
                <a:close/>
                <a:moveTo>
                  <a:pt x="5222400" y="787505"/>
                </a:moveTo>
                <a:lnTo>
                  <a:pt x="5222400" y="787949"/>
                </a:lnTo>
                <a:lnTo>
                  <a:pt x="5222844" y="787949"/>
                </a:lnTo>
                <a:lnTo>
                  <a:pt x="5222844" y="787505"/>
                </a:lnTo>
                <a:close/>
                <a:moveTo>
                  <a:pt x="5099305" y="787505"/>
                </a:moveTo>
                <a:lnTo>
                  <a:pt x="5099305" y="787949"/>
                </a:lnTo>
                <a:lnTo>
                  <a:pt x="5099749" y="787949"/>
                </a:lnTo>
                <a:lnTo>
                  <a:pt x="5099749" y="787505"/>
                </a:lnTo>
                <a:close/>
                <a:moveTo>
                  <a:pt x="4976248" y="787505"/>
                </a:moveTo>
                <a:lnTo>
                  <a:pt x="4976248" y="787949"/>
                </a:lnTo>
                <a:lnTo>
                  <a:pt x="4976692" y="787949"/>
                </a:lnTo>
                <a:lnTo>
                  <a:pt x="4976692" y="787505"/>
                </a:lnTo>
                <a:close/>
                <a:moveTo>
                  <a:pt x="4853191" y="787505"/>
                </a:moveTo>
                <a:lnTo>
                  <a:pt x="4853191" y="787949"/>
                </a:lnTo>
                <a:lnTo>
                  <a:pt x="4853636" y="787949"/>
                </a:lnTo>
                <a:lnTo>
                  <a:pt x="4853636" y="787505"/>
                </a:lnTo>
                <a:close/>
                <a:moveTo>
                  <a:pt x="4730133" y="787505"/>
                </a:moveTo>
                <a:lnTo>
                  <a:pt x="4730133" y="787949"/>
                </a:lnTo>
                <a:lnTo>
                  <a:pt x="4730578" y="787949"/>
                </a:lnTo>
                <a:lnTo>
                  <a:pt x="4730578" y="787505"/>
                </a:lnTo>
                <a:close/>
                <a:moveTo>
                  <a:pt x="4360961" y="787505"/>
                </a:moveTo>
                <a:lnTo>
                  <a:pt x="4360961" y="787949"/>
                </a:lnTo>
                <a:lnTo>
                  <a:pt x="4361405" y="787949"/>
                </a:lnTo>
                <a:lnTo>
                  <a:pt x="4361405" y="787505"/>
                </a:lnTo>
                <a:close/>
                <a:moveTo>
                  <a:pt x="4237904" y="787505"/>
                </a:moveTo>
                <a:lnTo>
                  <a:pt x="4237904" y="787949"/>
                </a:lnTo>
                <a:lnTo>
                  <a:pt x="4238348" y="787949"/>
                </a:lnTo>
                <a:lnTo>
                  <a:pt x="4238348" y="787505"/>
                </a:lnTo>
                <a:close/>
                <a:moveTo>
                  <a:pt x="4114847" y="787505"/>
                </a:moveTo>
                <a:lnTo>
                  <a:pt x="4114847" y="787949"/>
                </a:lnTo>
                <a:lnTo>
                  <a:pt x="4115291" y="787949"/>
                </a:lnTo>
                <a:lnTo>
                  <a:pt x="4115291" y="787505"/>
                </a:lnTo>
                <a:close/>
                <a:moveTo>
                  <a:pt x="3991789" y="787505"/>
                </a:moveTo>
                <a:lnTo>
                  <a:pt x="3991789" y="787949"/>
                </a:lnTo>
                <a:lnTo>
                  <a:pt x="3992234" y="787949"/>
                </a:lnTo>
                <a:lnTo>
                  <a:pt x="3992234" y="787505"/>
                </a:lnTo>
                <a:close/>
                <a:moveTo>
                  <a:pt x="3622173" y="787098"/>
                </a:moveTo>
                <a:lnTo>
                  <a:pt x="3622173" y="788395"/>
                </a:lnTo>
                <a:lnTo>
                  <a:pt x="3623469" y="788395"/>
                </a:lnTo>
                <a:lnTo>
                  <a:pt x="3623469" y="787098"/>
                </a:lnTo>
                <a:close/>
                <a:moveTo>
                  <a:pt x="3498894" y="786876"/>
                </a:moveTo>
                <a:lnTo>
                  <a:pt x="3498894" y="788617"/>
                </a:lnTo>
                <a:lnTo>
                  <a:pt x="3500634" y="788617"/>
                </a:lnTo>
                <a:lnTo>
                  <a:pt x="3500634" y="786876"/>
                </a:lnTo>
                <a:close/>
                <a:moveTo>
                  <a:pt x="3375614" y="786617"/>
                </a:moveTo>
                <a:lnTo>
                  <a:pt x="3375614" y="788802"/>
                </a:lnTo>
                <a:lnTo>
                  <a:pt x="3377799" y="788802"/>
                </a:lnTo>
                <a:lnTo>
                  <a:pt x="3377799" y="786617"/>
                </a:lnTo>
                <a:close/>
                <a:moveTo>
                  <a:pt x="3251890" y="785988"/>
                </a:moveTo>
                <a:lnTo>
                  <a:pt x="3251890" y="789469"/>
                </a:lnTo>
                <a:lnTo>
                  <a:pt x="3255371" y="789469"/>
                </a:lnTo>
                <a:lnTo>
                  <a:pt x="3255371" y="785988"/>
                </a:lnTo>
                <a:close/>
                <a:moveTo>
                  <a:pt x="3128203" y="785358"/>
                </a:moveTo>
                <a:lnTo>
                  <a:pt x="3128203" y="790135"/>
                </a:lnTo>
                <a:lnTo>
                  <a:pt x="3132980" y="790135"/>
                </a:lnTo>
                <a:lnTo>
                  <a:pt x="3132980" y="785358"/>
                </a:lnTo>
                <a:close/>
                <a:moveTo>
                  <a:pt x="3004257" y="784469"/>
                </a:moveTo>
                <a:lnTo>
                  <a:pt x="3004257" y="790987"/>
                </a:lnTo>
                <a:lnTo>
                  <a:pt x="3010775" y="790987"/>
                </a:lnTo>
                <a:lnTo>
                  <a:pt x="3010775" y="784469"/>
                </a:lnTo>
                <a:close/>
                <a:moveTo>
                  <a:pt x="2880126" y="783359"/>
                </a:moveTo>
                <a:lnTo>
                  <a:pt x="2880126" y="792061"/>
                </a:lnTo>
                <a:lnTo>
                  <a:pt x="2888828" y="792061"/>
                </a:lnTo>
                <a:lnTo>
                  <a:pt x="2888828" y="783359"/>
                </a:lnTo>
                <a:close/>
                <a:moveTo>
                  <a:pt x="2755550" y="781840"/>
                </a:moveTo>
                <a:lnTo>
                  <a:pt x="2755550" y="793579"/>
                </a:lnTo>
                <a:lnTo>
                  <a:pt x="2767289" y="793579"/>
                </a:lnTo>
                <a:lnTo>
                  <a:pt x="2767289" y="781840"/>
                </a:lnTo>
                <a:close/>
                <a:moveTo>
                  <a:pt x="2630753" y="780138"/>
                </a:moveTo>
                <a:lnTo>
                  <a:pt x="2630753" y="795321"/>
                </a:lnTo>
                <a:lnTo>
                  <a:pt x="2645936" y="795321"/>
                </a:lnTo>
                <a:lnTo>
                  <a:pt x="2645936" y="780138"/>
                </a:lnTo>
                <a:close/>
                <a:moveTo>
                  <a:pt x="2505510" y="777952"/>
                </a:moveTo>
                <a:lnTo>
                  <a:pt x="2505510" y="797505"/>
                </a:lnTo>
                <a:lnTo>
                  <a:pt x="2525063" y="797505"/>
                </a:lnTo>
                <a:lnTo>
                  <a:pt x="2525063" y="777952"/>
                </a:lnTo>
                <a:close/>
                <a:moveTo>
                  <a:pt x="2380046" y="775546"/>
                </a:moveTo>
                <a:lnTo>
                  <a:pt x="2380046" y="799875"/>
                </a:lnTo>
                <a:lnTo>
                  <a:pt x="2404376" y="799875"/>
                </a:lnTo>
                <a:lnTo>
                  <a:pt x="2404376" y="775546"/>
                </a:lnTo>
                <a:close/>
                <a:moveTo>
                  <a:pt x="2254174" y="772767"/>
                </a:moveTo>
                <a:lnTo>
                  <a:pt x="2254174" y="802727"/>
                </a:lnTo>
                <a:lnTo>
                  <a:pt x="2284133" y="802727"/>
                </a:lnTo>
                <a:lnTo>
                  <a:pt x="2284133" y="772767"/>
                </a:lnTo>
                <a:close/>
                <a:moveTo>
                  <a:pt x="2128080" y="769731"/>
                </a:moveTo>
                <a:lnTo>
                  <a:pt x="2128080" y="805764"/>
                </a:lnTo>
                <a:lnTo>
                  <a:pt x="2164112" y="805764"/>
                </a:lnTo>
                <a:lnTo>
                  <a:pt x="2164112" y="769731"/>
                </a:lnTo>
                <a:close/>
                <a:moveTo>
                  <a:pt x="2001764" y="766472"/>
                </a:moveTo>
                <a:lnTo>
                  <a:pt x="2001764" y="809022"/>
                </a:lnTo>
                <a:lnTo>
                  <a:pt x="2044314" y="809022"/>
                </a:lnTo>
                <a:lnTo>
                  <a:pt x="2044314" y="766472"/>
                </a:lnTo>
                <a:close/>
                <a:moveTo>
                  <a:pt x="1875448" y="763213"/>
                </a:moveTo>
                <a:lnTo>
                  <a:pt x="1875448" y="812281"/>
                </a:lnTo>
                <a:lnTo>
                  <a:pt x="1924515" y="812281"/>
                </a:lnTo>
                <a:lnTo>
                  <a:pt x="1924515" y="763213"/>
                </a:lnTo>
                <a:close/>
                <a:moveTo>
                  <a:pt x="1748910" y="759733"/>
                </a:moveTo>
                <a:lnTo>
                  <a:pt x="1748910" y="815762"/>
                </a:lnTo>
                <a:lnTo>
                  <a:pt x="1804939" y="815762"/>
                </a:lnTo>
                <a:lnTo>
                  <a:pt x="1804939" y="759733"/>
                </a:lnTo>
                <a:close/>
                <a:moveTo>
                  <a:pt x="1622371" y="756214"/>
                </a:moveTo>
                <a:lnTo>
                  <a:pt x="1622371" y="819206"/>
                </a:lnTo>
                <a:lnTo>
                  <a:pt x="1685362" y="819206"/>
                </a:lnTo>
                <a:lnTo>
                  <a:pt x="1685362" y="756214"/>
                </a:lnTo>
                <a:close/>
                <a:moveTo>
                  <a:pt x="1495833" y="752771"/>
                </a:moveTo>
                <a:lnTo>
                  <a:pt x="1495833" y="822687"/>
                </a:lnTo>
                <a:lnTo>
                  <a:pt x="1565749" y="822687"/>
                </a:lnTo>
                <a:lnTo>
                  <a:pt x="1565749" y="752771"/>
                </a:lnTo>
                <a:close/>
                <a:moveTo>
                  <a:pt x="1369295" y="749289"/>
                </a:moveTo>
                <a:lnTo>
                  <a:pt x="1369295" y="826168"/>
                </a:lnTo>
                <a:lnTo>
                  <a:pt x="1446174" y="826168"/>
                </a:lnTo>
                <a:lnTo>
                  <a:pt x="1446174" y="749289"/>
                </a:lnTo>
                <a:close/>
                <a:moveTo>
                  <a:pt x="1242978" y="746031"/>
                </a:moveTo>
                <a:lnTo>
                  <a:pt x="1242978" y="829427"/>
                </a:lnTo>
                <a:lnTo>
                  <a:pt x="1326374" y="829427"/>
                </a:lnTo>
                <a:lnTo>
                  <a:pt x="1326374" y="746031"/>
                </a:lnTo>
                <a:close/>
                <a:moveTo>
                  <a:pt x="1117107" y="743217"/>
                </a:moveTo>
                <a:lnTo>
                  <a:pt x="1117107" y="832242"/>
                </a:lnTo>
                <a:lnTo>
                  <a:pt x="1206132" y="832242"/>
                </a:lnTo>
                <a:lnTo>
                  <a:pt x="1206132" y="743217"/>
                </a:lnTo>
                <a:close/>
                <a:moveTo>
                  <a:pt x="991198" y="740365"/>
                </a:moveTo>
                <a:lnTo>
                  <a:pt x="991198" y="835057"/>
                </a:lnTo>
                <a:lnTo>
                  <a:pt x="1085889" y="835057"/>
                </a:lnTo>
                <a:lnTo>
                  <a:pt x="1085889" y="740365"/>
                </a:lnTo>
                <a:close/>
                <a:moveTo>
                  <a:pt x="865993" y="738217"/>
                </a:moveTo>
                <a:lnTo>
                  <a:pt x="865993" y="837242"/>
                </a:lnTo>
                <a:lnTo>
                  <a:pt x="965017" y="837242"/>
                </a:lnTo>
                <a:lnTo>
                  <a:pt x="965017" y="738217"/>
                </a:lnTo>
                <a:close/>
                <a:moveTo>
                  <a:pt x="740973" y="736255"/>
                </a:moveTo>
                <a:lnTo>
                  <a:pt x="740973" y="839205"/>
                </a:lnTo>
                <a:lnTo>
                  <a:pt x="843922" y="839205"/>
                </a:lnTo>
                <a:lnTo>
                  <a:pt x="843922" y="736255"/>
                </a:lnTo>
                <a:close/>
                <a:moveTo>
                  <a:pt x="616397" y="734737"/>
                </a:moveTo>
                <a:lnTo>
                  <a:pt x="616397" y="840722"/>
                </a:lnTo>
                <a:lnTo>
                  <a:pt x="722383" y="840722"/>
                </a:lnTo>
                <a:lnTo>
                  <a:pt x="722383" y="734737"/>
                </a:lnTo>
                <a:close/>
                <a:moveTo>
                  <a:pt x="492229" y="733663"/>
                </a:moveTo>
                <a:lnTo>
                  <a:pt x="492229" y="841796"/>
                </a:lnTo>
                <a:lnTo>
                  <a:pt x="600362" y="841796"/>
                </a:lnTo>
                <a:lnTo>
                  <a:pt x="600362" y="733663"/>
                </a:lnTo>
                <a:close/>
                <a:moveTo>
                  <a:pt x="368542" y="732996"/>
                </a:moveTo>
                <a:lnTo>
                  <a:pt x="368542" y="842463"/>
                </a:lnTo>
                <a:lnTo>
                  <a:pt x="478009" y="842463"/>
                </a:lnTo>
                <a:lnTo>
                  <a:pt x="478009" y="732996"/>
                </a:lnTo>
                <a:close/>
                <a:moveTo>
                  <a:pt x="245040" y="732588"/>
                </a:moveTo>
                <a:lnTo>
                  <a:pt x="245040" y="842907"/>
                </a:lnTo>
                <a:lnTo>
                  <a:pt x="355358" y="842907"/>
                </a:lnTo>
                <a:lnTo>
                  <a:pt x="355358" y="732588"/>
                </a:lnTo>
                <a:close/>
                <a:moveTo>
                  <a:pt x="121761" y="732330"/>
                </a:moveTo>
                <a:lnTo>
                  <a:pt x="121761" y="843093"/>
                </a:lnTo>
                <a:lnTo>
                  <a:pt x="232524" y="843093"/>
                </a:lnTo>
                <a:lnTo>
                  <a:pt x="232524" y="732330"/>
                </a:lnTo>
                <a:close/>
                <a:moveTo>
                  <a:pt x="3991789" y="664446"/>
                </a:moveTo>
                <a:lnTo>
                  <a:pt x="3991789" y="664890"/>
                </a:lnTo>
                <a:lnTo>
                  <a:pt x="3992234" y="664890"/>
                </a:lnTo>
                <a:lnTo>
                  <a:pt x="3992234" y="664446"/>
                </a:lnTo>
                <a:close/>
                <a:moveTo>
                  <a:pt x="3868732" y="664446"/>
                </a:moveTo>
                <a:lnTo>
                  <a:pt x="3868732" y="664890"/>
                </a:lnTo>
                <a:lnTo>
                  <a:pt x="3869176" y="664890"/>
                </a:lnTo>
                <a:lnTo>
                  <a:pt x="3869176" y="664446"/>
                </a:lnTo>
                <a:close/>
                <a:moveTo>
                  <a:pt x="5714629" y="664445"/>
                </a:moveTo>
                <a:lnTo>
                  <a:pt x="5714629" y="664889"/>
                </a:lnTo>
                <a:lnTo>
                  <a:pt x="5715073" y="664889"/>
                </a:lnTo>
                <a:lnTo>
                  <a:pt x="5715073" y="664445"/>
                </a:lnTo>
                <a:close/>
                <a:moveTo>
                  <a:pt x="5591572" y="664445"/>
                </a:moveTo>
                <a:lnTo>
                  <a:pt x="5591572" y="664889"/>
                </a:lnTo>
                <a:lnTo>
                  <a:pt x="5592017" y="664889"/>
                </a:lnTo>
                <a:lnTo>
                  <a:pt x="5592017" y="664445"/>
                </a:lnTo>
                <a:close/>
                <a:moveTo>
                  <a:pt x="5468514" y="664445"/>
                </a:moveTo>
                <a:lnTo>
                  <a:pt x="5468514" y="664889"/>
                </a:lnTo>
                <a:lnTo>
                  <a:pt x="5468958" y="664889"/>
                </a:lnTo>
                <a:lnTo>
                  <a:pt x="5468958" y="664445"/>
                </a:lnTo>
                <a:close/>
                <a:moveTo>
                  <a:pt x="5345457" y="664445"/>
                </a:moveTo>
                <a:lnTo>
                  <a:pt x="5345457" y="664889"/>
                </a:lnTo>
                <a:lnTo>
                  <a:pt x="5345901" y="664889"/>
                </a:lnTo>
                <a:lnTo>
                  <a:pt x="5345901" y="664445"/>
                </a:lnTo>
                <a:close/>
                <a:moveTo>
                  <a:pt x="5222400" y="664445"/>
                </a:moveTo>
                <a:lnTo>
                  <a:pt x="5222400" y="664889"/>
                </a:lnTo>
                <a:lnTo>
                  <a:pt x="5222844" y="664889"/>
                </a:lnTo>
                <a:lnTo>
                  <a:pt x="5222844" y="664445"/>
                </a:lnTo>
                <a:close/>
                <a:moveTo>
                  <a:pt x="5099305" y="664445"/>
                </a:moveTo>
                <a:lnTo>
                  <a:pt x="5099305" y="664889"/>
                </a:lnTo>
                <a:lnTo>
                  <a:pt x="5099749" y="664889"/>
                </a:lnTo>
                <a:lnTo>
                  <a:pt x="5099749" y="664445"/>
                </a:lnTo>
                <a:close/>
                <a:moveTo>
                  <a:pt x="4976248" y="664445"/>
                </a:moveTo>
                <a:lnTo>
                  <a:pt x="4976248" y="664889"/>
                </a:lnTo>
                <a:lnTo>
                  <a:pt x="4976692" y="664889"/>
                </a:lnTo>
                <a:lnTo>
                  <a:pt x="4976692" y="664445"/>
                </a:lnTo>
                <a:close/>
                <a:moveTo>
                  <a:pt x="4853191" y="664445"/>
                </a:moveTo>
                <a:lnTo>
                  <a:pt x="4853191" y="664889"/>
                </a:lnTo>
                <a:lnTo>
                  <a:pt x="4853636" y="664889"/>
                </a:lnTo>
                <a:lnTo>
                  <a:pt x="4853636" y="664445"/>
                </a:lnTo>
                <a:close/>
                <a:moveTo>
                  <a:pt x="4730133" y="664445"/>
                </a:moveTo>
                <a:lnTo>
                  <a:pt x="4730133" y="664889"/>
                </a:lnTo>
                <a:lnTo>
                  <a:pt x="4730578" y="664889"/>
                </a:lnTo>
                <a:lnTo>
                  <a:pt x="4730578" y="664445"/>
                </a:lnTo>
                <a:close/>
                <a:moveTo>
                  <a:pt x="4360961" y="664445"/>
                </a:moveTo>
                <a:lnTo>
                  <a:pt x="4360961" y="664889"/>
                </a:lnTo>
                <a:lnTo>
                  <a:pt x="4361405" y="664889"/>
                </a:lnTo>
                <a:lnTo>
                  <a:pt x="4361405" y="664445"/>
                </a:lnTo>
                <a:close/>
                <a:moveTo>
                  <a:pt x="4237904" y="664445"/>
                </a:moveTo>
                <a:lnTo>
                  <a:pt x="4237904" y="664890"/>
                </a:lnTo>
                <a:lnTo>
                  <a:pt x="4238348" y="664890"/>
                </a:lnTo>
                <a:lnTo>
                  <a:pt x="4238348" y="664445"/>
                </a:lnTo>
                <a:close/>
                <a:moveTo>
                  <a:pt x="4114847" y="664445"/>
                </a:moveTo>
                <a:lnTo>
                  <a:pt x="4114847" y="664890"/>
                </a:lnTo>
                <a:lnTo>
                  <a:pt x="4115291" y="664890"/>
                </a:lnTo>
                <a:lnTo>
                  <a:pt x="4115291" y="664445"/>
                </a:lnTo>
                <a:close/>
                <a:moveTo>
                  <a:pt x="3745453" y="664260"/>
                </a:moveTo>
                <a:lnTo>
                  <a:pt x="3745453" y="665112"/>
                </a:lnTo>
                <a:lnTo>
                  <a:pt x="3746305" y="665112"/>
                </a:lnTo>
                <a:lnTo>
                  <a:pt x="3746305" y="664260"/>
                </a:lnTo>
                <a:close/>
                <a:moveTo>
                  <a:pt x="3622173" y="664038"/>
                </a:moveTo>
                <a:lnTo>
                  <a:pt x="3622173" y="665334"/>
                </a:lnTo>
                <a:lnTo>
                  <a:pt x="3623469" y="665334"/>
                </a:lnTo>
                <a:lnTo>
                  <a:pt x="3623469" y="664038"/>
                </a:lnTo>
                <a:close/>
                <a:moveTo>
                  <a:pt x="3498894" y="663779"/>
                </a:moveTo>
                <a:lnTo>
                  <a:pt x="3498894" y="665520"/>
                </a:lnTo>
                <a:lnTo>
                  <a:pt x="3500634" y="665520"/>
                </a:lnTo>
                <a:lnTo>
                  <a:pt x="3500634" y="663779"/>
                </a:lnTo>
                <a:close/>
                <a:moveTo>
                  <a:pt x="3375392" y="663372"/>
                </a:moveTo>
                <a:lnTo>
                  <a:pt x="3375392" y="665964"/>
                </a:lnTo>
                <a:lnTo>
                  <a:pt x="3377984" y="665964"/>
                </a:lnTo>
                <a:lnTo>
                  <a:pt x="3377984" y="663372"/>
                </a:lnTo>
                <a:close/>
                <a:moveTo>
                  <a:pt x="3251668" y="662705"/>
                </a:moveTo>
                <a:lnTo>
                  <a:pt x="3251668" y="666631"/>
                </a:lnTo>
                <a:lnTo>
                  <a:pt x="3255593" y="666631"/>
                </a:lnTo>
                <a:lnTo>
                  <a:pt x="3255593" y="662705"/>
                </a:lnTo>
                <a:close/>
                <a:moveTo>
                  <a:pt x="3127759" y="661853"/>
                </a:moveTo>
                <a:lnTo>
                  <a:pt x="3127759" y="667482"/>
                </a:lnTo>
                <a:lnTo>
                  <a:pt x="3133388" y="667482"/>
                </a:lnTo>
                <a:lnTo>
                  <a:pt x="3133388" y="661853"/>
                </a:lnTo>
                <a:close/>
                <a:moveTo>
                  <a:pt x="3003813" y="661002"/>
                </a:moveTo>
                <a:lnTo>
                  <a:pt x="3003813" y="668371"/>
                </a:lnTo>
                <a:lnTo>
                  <a:pt x="3011182" y="668371"/>
                </a:lnTo>
                <a:lnTo>
                  <a:pt x="3011182" y="661002"/>
                </a:lnTo>
                <a:close/>
                <a:moveTo>
                  <a:pt x="2879459" y="659668"/>
                </a:moveTo>
                <a:lnTo>
                  <a:pt x="2879459" y="669667"/>
                </a:lnTo>
                <a:lnTo>
                  <a:pt x="2889458" y="669667"/>
                </a:lnTo>
                <a:lnTo>
                  <a:pt x="2889458" y="659668"/>
                </a:lnTo>
                <a:close/>
                <a:moveTo>
                  <a:pt x="2754884" y="658151"/>
                </a:moveTo>
                <a:lnTo>
                  <a:pt x="2754884" y="671186"/>
                </a:lnTo>
                <a:lnTo>
                  <a:pt x="2767919" y="671186"/>
                </a:lnTo>
                <a:lnTo>
                  <a:pt x="2767919" y="658151"/>
                </a:lnTo>
                <a:close/>
                <a:moveTo>
                  <a:pt x="2630086" y="656410"/>
                </a:moveTo>
                <a:lnTo>
                  <a:pt x="2630086" y="672926"/>
                </a:lnTo>
                <a:lnTo>
                  <a:pt x="2646602" y="672926"/>
                </a:lnTo>
                <a:lnTo>
                  <a:pt x="2646602" y="656410"/>
                </a:lnTo>
                <a:close/>
                <a:moveTo>
                  <a:pt x="2504844" y="654225"/>
                </a:moveTo>
                <a:lnTo>
                  <a:pt x="2504844" y="675074"/>
                </a:lnTo>
                <a:lnTo>
                  <a:pt x="2525693" y="675074"/>
                </a:lnTo>
                <a:lnTo>
                  <a:pt x="2525693" y="654225"/>
                </a:lnTo>
                <a:close/>
                <a:moveTo>
                  <a:pt x="2379416" y="651854"/>
                </a:moveTo>
                <a:lnTo>
                  <a:pt x="2379416" y="677481"/>
                </a:lnTo>
                <a:lnTo>
                  <a:pt x="2405042" y="677481"/>
                </a:lnTo>
                <a:lnTo>
                  <a:pt x="2405042" y="651854"/>
                </a:lnTo>
                <a:close/>
                <a:moveTo>
                  <a:pt x="2253508" y="649041"/>
                </a:moveTo>
                <a:lnTo>
                  <a:pt x="2253508" y="680296"/>
                </a:lnTo>
                <a:lnTo>
                  <a:pt x="2284763" y="680296"/>
                </a:lnTo>
                <a:lnTo>
                  <a:pt x="2284763" y="649041"/>
                </a:lnTo>
                <a:close/>
                <a:moveTo>
                  <a:pt x="2127414" y="645967"/>
                </a:moveTo>
                <a:lnTo>
                  <a:pt x="2127414" y="683332"/>
                </a:lnTo>
                <a:lnTo>
                  <a:pt x="2164779" y="683332"/>
                </a:lnTo>
                <a:lnTo>
                  <a:pt x="2164779" y="645967"/>
                </a:lnTo>
                <a:close/>
                <a:moveTo>
                  <a:pt x="2001320" y="642931"/>
                </a:moveTo>
                <a:lnTo>
                  <a:pt x="2001320" y="686369"/>
                </a:lnTo>
                <a:lnTo>
                  <a:pt x="2044758" y="686369"/>
                </a:lnTo>
                <a:lnTo>
                  <a:pt x="2044758" y="642931"/>
                </a:lnTo>
                <a:close/>
                <a:moveTo>
                  <a:pt x="1875004" y="639672"/>
                </a:moveTo>
                <a:lnTo>
                  <a:pt x="1875004" y="689628"/>
                </a:lnTo>
                <a:lnTo>
                  <a:pt x="1924960" y="689628"/>
                </a:lnTo>
                <a:lnTo>
                  <a:pt x="1924960" y="639672"/>
                </a:lnTo>
                <a:close/>
                <a:moveTo>
                  <a:pt x="1748465" y="636228"/>
                </a:moveTo>
                <a:lnTo>
                  <a:pt x="1748465" y="693109"/>
                </a:lnTo>
                <a:lnTo>
                  <a:pt x="1805346" y="693109"/>
                </a:lnTo>
                <a:lnTo>
                  <a:pt x="1805346" y="636228"/>
                </a:lnTo>
                <a:close/>
                <a:moveTo>
                  <a:pt x="1622149" y="632969"/>
                </a:moveTo>
                <a:lnTo>
                  <a:pt x="1622149" y="696368"/>
                </a:lnTo>
                <a:lnTo>
                  <a:pt x="1685548" y="696368"/>
                </a:lnTo>
                <a:lnTo>
                  <a:pt x="1685548" y="632969"/>
                </a:lnTo>
                <a:close/>
                <a:moveTo>
                  <a:pt x="1495611" y="629488"/>
                </a:moveTo>
                <a:lnTo>
                  <a:pt x="1495611" y="699849"/>
                </a:lnTo>
                <a:lnTo>
                  <a:pt x="1565972" y="699849"/>
                </a:lnTo>
                <a:lnTo>
                  <a:pt x="1565972" y="629488"/>
                </a:lnTo>
                <a:close/>
                <a:moveTo>
                  <a:pt x="1369295" y="626229"/>
                </a:moveTo>
                <a:lnTo>
                  <a:pt x="1369295" y="703108"/>
                </a:lnTo>
                <a:lnTo>
                  <a:pt x="1446174" y="703108"/>
                </a:lnTo>
                <a:lnTo>
                  <a:pt x="1446174" y="626229"/>
                </a:lnTo>
                <a:close/>
                <a:moveTo>
                  <a:pt x="1243201" y="623193"/>
                </a:moveTo>
                <a:lnTo>
                  <a:pt x="1243201" y="706145"/>
                </a:lnTo>
                <a:lnTo>
                  <a:pt x="1326153" y="706145"/>
                </a:lnTo>
                <a:lnTo>
                  <a:pt x="1326153" y="623193"/>
                </a:lnTo>
                <a:close/>
                <a:moveTo>
                  <a:pt x="1117329" y="620341"/>
                </a:moveTo>
                <a:lnTo>
                  <a:pt x="1117329" y="708959"/>
                </a:lnTo>
                <a:lnTo>
                  <a:pt x="1205947" y="708959"/>
                </a:lnTo>
                <a:lnTo>
                  <a:pt x="1205947" y="620341"/>
                </a:lnTo>
                <a:close/>
                <a:moveTo>
                  <a:pt x="991642" y="617786"/>
                </a:moveTo>
                <a:lnTo>
                  <a:pt x="991642" y="711588"/>
                </a:lnTo>
                <a:lnTo>
                  <a:pt x="1085444" y="711588"/>
                </a:lnTo>
                <a:lnTo>
                  <a:pt x="1085444" y="617786"/>
                </a:lnTo>
                <a:close/>
                <a:moveTo>
                  <a:pt x="866215" y="615380"/>
                </a:moveTo>
                <a:lnTo>
                  <a:pt x="866215" y="713959"/>
                </a:lnTo>
                <a:lnTo>
                  <a:pt x="964794" y="713959"/>
                </a:lnTo>
                <a:lnTo>
                  <a:pt x="964794" y="615380"/>
                </a:lnTo>
                <a:close/>
                <a:moveTo>
                  <a:pt x="741417" y="613639"/>
                </a:moveTo>
                <a:lnTo>
                  <a:pt x="741417" y="715699"/>
                </a:lnTo>
                <a:lnTo>
                  <a:pt x="843477" y="715699"/>
                </a:lnTo>
                <a:lnTo>
                  <a:pt x="843477" y="613639"/>
                </a:lnTo>
                <a:close/>
                <a:moveTo>
                  <a:pt x="616804" y="612121"/>
                </a:moveTo>
                <a:lnTo>
                  <a:pt x="616804" y="717217"/>
                </a:lnTo>
                <a:lnTo>
                  <a:pt x="721901" y="717217"/>
                </a:lnTo>
                <a:lnTo>
                  <a:pt x="721901" y="612121"/>
                </a:lnTo>
                <a:close/>
                <a:moveTo>
                  <a:pt x="492673" y="611010"/>
                </a:moveTo>
                <a:lnTo>
                  <a:pt x="492673" y="718291"/>
                </a:lnTo>
                <a:lnTo>
                  <a:pt x="599955" y="718291"/>
                </a:lnTo>
                <a:lnTo>
                  <a:pt x="599955" y="611010"/>
                </a:lnTo>
                <a:close/>
                <a:moveTo>
                  <a:pt x="368764" y="610159"/>
                </a:moveTo>
                <a:lnTo>
                  <a:pt x="368764" y="719180"/>
                </a:lnTo>
                <a:lnTo>
                  <a:pt x="477786" y="719180"/>
                </a:lnTo>
                <a:lnTo>
                  <a:pt x="477786" y="610159"/>
                </a:lnTo>
                <a:close/>
                <a:moveTo>
                  <a:pt x="245262" y="609751"/>
                </a:moveTo>
                <a:lnTo>
                  <a:pt x="245262" y="719624"/>
                </a:lnTo>
                <a:lnTo>
                  <a:pt x="355136" y="719624"/>
                </a:lnTo>
                <a:lnTo>
                  <a:pt x="355136" y="609751"/>
                </a:lnTo>
                <a:close/>
                <a:moveTo>
                  <a:pt x="121761" y="609270"/>
                </a:moveTo>
                <a:lnTo>
                  <a:pt x="121761" y="720032"/>
                </a:lnTo>
                <a:lnTo>
                  <a:pt x="232524" y="720032"/>
                </a:lnTo>
                <a:lnTo>
                  <a:pt x="232524" y="609270"/>
                </a:lnTo>
                <a:close/>
                <a:moveTo>
                  <a:pt x="4114847" y="541386"/>
                </a:moveTo>
                <a:lnTo>
                  <a:pt x="4114847" y="541829"/>
                </a:lnTo>
                <a:lnTo>
                  <a:pt x="4115291" y="541829"/>
                </a:lnTo>
                <a:lnTo>
                  <a:pt x="4115291" y="541386"/>
                </a:lnTo>
                <a:close/>
                <a:moveTo>
                  <a:pt x="3991789" y="541386"/>
                </a:moveTo>
                <a:lnTo>
                  <a:pt x="3991789" y="541830"/>
                </a:lnTo>
                <a:lnTo>
                  <a:pt x="3992234" y="541830"/>
                </a:lnTo>
                <a:lnTo>
                  <a:pt x="3992234" y="541386"/>
                </a:lnTo>
                <a:close/>
                <a:moveTo>
                  <a:pt x="5714629" y="541385"/>
                </a:moveTo>
                <a:lnTo>
                  <a:pt x="5714629" y="541829"/>
                </a:lnTo>
                <a:lnTo>
                  <a:pt x="5715073" y="541829"/>
                </a:lnTo>
                <a:lnTo>
                  <a:pt x="5715073" y="541385"/>
                </a:lnTo>
                <a:close/>
                <a:moveTo>
                  <a:pt x="5591572" y="541385"/>
                </a:moveTo>
                <a:lnTo>
                  <a:pt x="5591572" y="541829"/>
                </a:lnTo>
                <a:lnTo>
                  <a:pt x="5592017" y="541829"/>
                </a:lnTo>
                <a:lnTo>
                  <a:pt x="5592017" y="541385"/>
                </a:lnTo>
                <a:close/>
                <a:moveTo>
                  <a:pt x="5468514" y="541385"/>
                </a:moveTo>
                <a:lnTo>
                  <a:pt x="5468514" y="541829"/>
                </a:lnTo>
                <a:lnTo>
                  <a:pt x="5468958" y="541829"/>
                </a:lnTo>
                <a:lnTo>
                  <a:pt x="5468958" y="541385"/>
                </a:lnTo>
                <a:close/>
                <a:moveTo>
                  <a:pt x="5345457" y="541385"/>
                </a:moveTo>
                <a:lnTo>
                  <a:pt x="5345457" y="541829"/>
                </a:lnTo>
                <a:lnTo>
                  <a:pt x="5345901" y="541829"/>
                </a:lnTo>
                <a:lnTo>
                  <a:pt x="5345901" y="541385"/>
                </a:lnTo>
                <a:close/>
                <a:moveTo>
                  <a:pt x="5222400" y="541385"/>
                </a:moveTo>
                <a:lnTo>
                  <a:pt x="5222400" y="541829"/>
                </a:lnTo>
                <a:lnTo>
                  <a:pt x="5222844" y="541829"/>
                </a:lnTo>
                <a:lnTo>
                  <a:pt x="5222844" y="541385"/>
                </a:lnTo>
                <a:close/>
                <a:moveTo>
                  <a:pt x="5099305" y="541385"/>
                </a:moveTo>
                <a:lnTo>
                  <a:pt x="5099305" y="541829"/>
                </a:lnTo>
                <a:lnTo>
                  <a:pt x="5099749" y="541829"/>
                </a:lnTo>
                <a:lnTo>
                  <a:pt x="5099749" y="541385"/>
                </a:lnTo>
                <a:close/>
                <a:moveTo>
                  <a:pt x="4976248" y="541385"/>
                </a:moveTo>
                <a:lnTo>
                  <a:pt x="4976248" y="541829"/>
                </a:lnTo>
                <a:lnTo>
                  <a:pt x="4976692" y="541829"/>
                </a:lnTo>
                <a:lnTo>
                  <a:pt x="4976692" y="541385"/>
                </a:lnTo>
                <a:close/>
                <a:moveTo>
                  <a:pt x="4853191" y="541385"/>
                </a:moveTo>
                <a:lnTo>
                  <a:pt x="4853191" y="541829"/>
                </a:lnTo>
                <a:lnTo>
                  <a:pt x="4853636" y="541829"/>
                </a:lnTo>
                <a:lnTo>
                  <a:pt x="4853636" y="541385"/>
                </a:lnTo>
                <a:close/>
                <a:moveTo>
                  <a:pt x="4730133" y="541385"/>
                </a:moveTo>
                <a:lnTo>
                  <a:pt x="4730133" y="541829"/>
                </a:lnTo>
                <a:lnTo>
                  <a:pt x="4730578" y="541829"/>
                </a:lnTo>
                <a:lnTo>
                  <a:pt x="4730578" y="541385"/>
                </a:lnTo>
                <a:close/>
                <a:moveTo>
                  <a:pt x="4360961" y="541385"/>
                </a:moveTo>
                <a:lnTo>
                  <a:pt x="4360961" y="541829"/>
                </a:lnTo>
                <a:lnTo>
                  <a:pt x="4361405" y="541829"/>
                </a:lnTo>
                <a:lnTo>
                  <a:pt x="4361405" y="541385"/>
                </a:lnTo>
                <a:close/>
                <a:moveTo>
                  <a:pt x="4237904" y="541385"/>
                </a:moveTo>
                <a:lnTo>
                  <a:pt x="4237904" y="541829"/>
                </a:lnTo>
                <a:lnTo>
                  <a:pt x="4238348" y="541829"/>
                </a:lnTo>
                <a:lnTo>
                  <a:pt x="4238348" y="541385"/>
                </a:lnTo>
                <a:close/>
                <a:moveTo>
                  <a:pt x="3868510" y="541200"/>
                </a:moveTo>
                <a:lnTo>
                  <a:pt x="3868510" y="542052"/>
                </a:lnTo>
                <a:lnTo>
                  <a:pt x="3869362" y="542052"/>
                </a:lnTo>
                <a:lnTo>
                  <a:pt x="3869362" y="541200"/>
                </a:lnTo>
                <a:close/>
                <a:moveTo>
                  <a:pt x="3745230" y="540941"/>
                </a:moveTo>
                <a:lnTo>
                  <a:pt x="3745230" y="542237"/>
                </a:lnTo>
                <a:lnTo>
                  <a:pt x="3746526" y="542237"/>
                </a:lnTo>
                <a:lnTo>
                  <a:pt x="3746526" y="540941"/>
                </a:lnTo>
                <a:close/>
                <a:moveTo>
                  <a:pt x="3621951" y="540719"/>
                </a:moveTo>
                <a:lnTo>
                  <a:pt x="3621951" y="542459"/>
                </a:lnTo>
                <a:lnTo>
                  <a:pt x="3623691" y="542459"/>
                </a:lnTo>
                <a:lnTo>
                  <a:pt x="3623691" y="540719"/>
                </a:lnTo>
                <a:close/>
                <a:moveTo>
                  <a:pt x="3498671" y="540496"/>
                </a:moveTo>
                <a:lnTo>
                  <a:pt x="3498671" y="542681"/>
                </a:lnTo>
                <a:lnTo>
                  <a:pt x="3500856" y="542681"/>
                </a:lnTo>
                <a:lnTo>
                  <a:pt x="3500856" y="540496"/>
                </a:lnTo>
                <a:close/>
                <a:moveTo>
                  <a:pt x="3374947" y="539867"/>
                </a:moveTo>
                <a:lnTo>
                  <a:pt x="3374947" y="543348"/>
                </a:lnTo>
                <a:lnTo>
                  <a:pt x="3378428" y="543348"/>
                </a:lnTo>
                <a:lnTo>
                  <a:pt x="3378428" y="539867"/>
                </a:lnTo>
                <a:close/>
                <a:moveTo>
                  <a:pt x="3251261" y="539201"/>
                </a:moveTo>
                <a:lnTo>
                  <a:pt x="3251261" y="543978"/>
                </a:lnTo>
                <a:lnTo>
                  <a:pt x="3256038" y="543978"/>
                </a:lnTo>
                <a:lnTo>
                  <a:pt x="3256038" y="539201"/>
                </a:lnTo>
                <a:close/>
                <a:moveTo>
                  <a:pt x="3127315" y="538348"/>
                </a:moveTo>
                <a:lnTo>
                  <a:pt x="3127315" y="544866"/>
                </a:lnTo>
                <a:lnTo>
                  <a:pt x="3133833" y="544866"/>
                </a:lnTo>
                <a:lnTo>
                  <a:pt x="3133833" y="538348"/>
                </a:lnTo>
                <a:close/>
                <a:moveTo>
                  <a:pt x="3003405" y="537460"/>
                </a:moveTo>
                <a:lnTo>
                  <a:pt x="3003405" y="545718"/>
                </a:lnTo>
                <a:lnTo>
                  <a:pt x="3011663" y="545718"/>
                </a:lnTo>
                <a:lnTo>
                  <a:pt x="3011663" y="537460"/>
                </a:lnTo>
                <a:close/>
                <a:moveTo>
                  <a:pt x="2879015" y="536200"/>
                </a:moveTo>
                <a:lnTo>
                  <a:pt x="2879015" y="547051"/>
                </a:lnTo>
                <a:lnTo>
                  <a:pt x="2889865" y="547051"/>
                </a:lnTo>
                <a:lnTo>
                  <a:pt x="2889865" y="536200"/>
                </a:lnTo>
                <a:close/>
                <a:moveTo>
                  <a:pt x="2754217" y="534424"/>
                </a:moveTo>
                <a:lnTo>
                  <a:pt x="2754217" y="548755"/>
                </a:lnTo>
                <a:lnTo>
                  <a:pt x="2768548" y="548755"/>
                </a:lnTo>
                <a:lnTo>
                  <a:pt x="2768548" y="534424"/>
                </a:lnTo>
                <a:close/>
                <a:moveTo>
                  <a:pt x="2629419" y="532682"/>
                </a:moveTo>
                <a:lnTo>
                  <a:pt x="2629419" y="550495"/>
                </a:lnTo>
                <a:lnTo>
                  <a:pt x="2647231" y="550495"/>
                </a:lnTo>
                <a:lnTo>
                  <a:pt x="2647231" y="532682"/>
                </a:lnTo>
                <a:close/>
                <a:moveTo>
                  <a:pt x="2504214" y="530535"/>
                </a:moveTo>
                <a:lnTo>
                  <a:pt x="2504214" y="552680"/>
                </a:lnTo>
                <a:lnTo>
                  <a:pt x="2526359" y="552680"/>
                </a:lnTo>
                <a:lnTo>
                  <a:pt x="2526359" y="530535"/>
                </a:lnTo>
                <a:close/>
                <a:moveTo>
                  <a:pt x="2378750" y="528129"/>
                </a:moveTo>
                <a:lnTo>
                  <a:pt x="2378750" y="555051"/>
                </a:lnTo>
                <a:lnTo>
                  <a:pt x="2405672" y="555051"/>
                </a:lnTo>
                <a:lnTo>
                  <a:pt x="2405672" y="528129"/>
                </a:lnTo>
                <a:close/>
                <a:moveTo>
                  <a:pt x="2252878" y="525315"/>
                </a:moveTo>
                <a:lnTo>
                  <a:pt x="2252878" y="557903"/>
                </a:lnTo>
                <a:lnTo>
                  <a:pt x="2285466" y="557903"/>
                </a:lnTo>
                <a:lnTo>
                  <a:pt x="2285466" y="525315"/>
                </a:lnTo>
                <a:close/>
                <a:moveTo>
                  <a:pt x="2126969" y="522499"/>
                </a:moveTo>
                <a:lnTo>
                  <a:pt x="2126969" y="560717"/>
                </a:lnTo>
                <a:lnTo>
                  <a:pt x="2165186" y="560717"/>
                </a:lnTo>
                <a:lnTo>
                  <a:pt x="2165186" y="522499"/>
                </a:lnTo>
                <a:close/>
                <a:moveTo>
                  <a:pt x="2000875" y="519464"/>
                </a:moveTo>
                <a:lnTo>
                  <a:pt x="2000875" y="563754"/>
                </a:lnTo>
                <a:lnTo>
                  <a:pt x="2045165" y="563754"/>
                </a:lnTo>
                <a:lnTo>
                  <a:pt x="2045165" y="519464"/>
                </a:lnTo>
                <a:close/>
                <a:moveTo>
                  <a:pt x="1874559" y="516205"/>
                </a:moveTo>
                <a:lnTo>
                  <a:pt x="1874559" y="567013"/>
                </a:lnTo>
                <a:lnTo>
                  <a:pt x="1925367" y="567013"/>
                </a:lnTo>
                <a:lnTo>
                  <a:pt x="1925367" y="516205"/>
                </a:lnTo>
                <a:close/>
                <a:moveTo>
                  <a:pt x="1748243" y="512945"/>
                </a:moveTo>
                <a:lnTo>
                  <a:pt x="1748243" y="570271"/>
                </a:lnTo>
                <a:lnTo>
                  <a:pt x="1805569" y="570271"/>
                </a:lnTo>
                <a:lnTo>
                  <a:pt x="1805569" y="512945"/>
                </a:lnTo>
                <a:close/>
                <a:moveTo>
                  <a:pt x="1621927" y="509687"/>
                </a:moveTo>
                <a:lnTo>
                  <a:pt x="1621927" y="573530"/>
                </a:lnTo>
                <a:lnTo>
                  <a:pt x="1685770" y="573530"/>
                </a:lnTo>
                <a:lnTo>
                  <a:pt x="1685770" y="509687"/>
                </a:lnTo>
                <a:close/>
                <a:moveTo>
                  <a:pt x="1495611" y="506428"/>
                </a:moveTo>
                <a:lnTo>
                  <a:pt x="1495611" y="576789"/>
                </a:lnTo>
                <a:lnTo>
                  <a:pt x="1565972" y="576789"/>
                </a:lnTo>
                <a:lnTo>
                  <a:pt x="1565972" y="506428"/>
                </a:lnTo>
                <a:close/>
                <a:moveTo>
                  <a:pt x="1369295" y="503170"/>
                </a:moveTo>
                <a:lnTo>
                  <a:pt x="1369295" y="580048"/>
                </a:lnTo>
                <a:lnTo>
                  <a:pt x="1446174" y="580048"/>
                </a:lnTo>
                <a:lnTo>
                  <a:pt x="1446174" y="503170"/>
                </a:lnTo>
                <a:close/>
                <a:moveTo>
                  <a:pt x="1243423" y="500355"/>
                </a:moveTo>
                <a:lnTo>
                  <a:pt x="1243423" y="582862"/>
                </a:lnTo>
                <a:lnTo>
                  <a:pt x="1325930" y="582862"/>
                </a:lnTo>
                <a:lnTo>
                  <a:pt x="1325930" y="500355"/>
                </a:lnTo>
                <a:close/>
                <a:moveTo>
                  <a:pt x="1117514" y="497504"/>
                </a:moveTo>
                <a:lnTo>
                  <a:pt x="1117514" y="585677"/>
                </a:lnTo>
                <a:lnTo>
                  <a:pt x="1205687" y="585677"/>
                </a:lnTo>
                <a:lnTo>
                  <a:pt x="1205687" y="497504"/>
                </a:lnTo>
                <a:close/>
                <a:moveTo>
                  <a:pt x="991864" y="494911"/>
                </a:moveTo>
                <a:lnTo>
                  <a:pt x="991864" y="588306"/>
                </a:lnTo>
                <a:lnTo>
                  <a:pt x="1085259" y="588306"/>
                </a:lnTo>
                <a:lnTo>
                  <a:pt x="1085259" y="494911"/>
                </a:lnTo>
                <a:close/>
                <a:moveTo>
                  <a:pt x="866622" y="492726"/>
                </a:moveTo>
                <a:lnTo>
                  <a:pt x="866622" y="590454"/>
                </a:lnTo>
                <a:lnTo>
                  <a:pt x="964349" y="590454"/>
                </a:lnTo>
                <a:lnTo>
                  <a:pt x="964349" y="492726"/>
                </a:lnTo>
                <a:close/>
                <a:moveTo>
                  <a:pt x="741602" y="490801"/>
                </a:moveTo>
                <a:lnTo>
                  <a:pt x="741602" y="592416"/>
                </a:lnTo>
                <a:lnTo>
                  <a:pt x="843218" y="592416"/>
                </a:lnTo>
                <a:lnTo>
                  <a:pt x="843218" y="490801"/>
                </a:lnTo>
                <a:close/>
                <a:moveTo>
                  <a:pt x="617249" y="489469"/>
                </a:moveTo>
                <a:lnTo>
                  <a:pt x="617249" y="593713"/>
                </a:lnTo>
                <a:lnTo>
                  <a:pt x="721494" y="593713"/>
                </a:lnTo>
                <a:lnTo>
                  <a:pt x="721494" y="489469"/>
                </a:lnTo>
                <a:close/>
                <a:moveTo>
                  <a:pt x="492895" y="488210"/>
                </a:moveTo>
                <a:lnTo>
                  <a:pt x="492895" y="595047"/>
                </a:lnTo>
                <a:lnTo>
                  <a:pt x="599732" y="595047"/>
                </a:lnTo>
                <a:lnTo>
                  <a:pt x="599732" y="488210"/>
                </a:lnTo>
                <a:close/>
                <a:moveTo>
                  <a:pt x="368949" y="487320"/>
                </a:moveTo>
                <a:lnTo>
                  <a:pt x="368949" y="595897"/>
                </a:lnTo>
                <a:lnTo>
                  <a:pt x="477527" y="595897"/>
                </a:lnTo>
                <a:lnTo>
                  <a:pt x="477527" y="487320"/>
                </a:lnTo>
                <a:close/>
                <a:moveTo>
                  <a:pt x="245262" y="486691"/>
                </a:moveTo>
                <a:lnTo>
                  <a:pt x="245262" y="596565"/>
                </a:lnTo>
                <a:lnTo>
                  <a:pt x="355136" y="596565"/>
                </a:lnTo>
                <a:lnTo>
                  <a:pt x="355136" y="486691"/>
                </a:lnTo>
                <a:close/>
                <a:moveTo>
                  <a:pt x="121761" y="486209"/>
                </a:moveTo>
                <a:lnTo>
                  <a:pt x="121761" y="596972"/>
                </a:lnTo>
                <a:lnTo>
                  <a:pt x="232524" y="596972"/>
                </a:lnTo>
                <a:lnTo>
                  <a:pt x="232524" y="486209"/>
                </a:lnTo>
                <a:close/>
                <a:moveTo>
                  <a:pt x="4237904" y="418324"/>
                </a:moveTo>
                <a:lnTo>
                  <a:pt x="4237904" y="418768"/>
                </a:lnTo>
                <a:lnTo>
                  <a:pt x="4238348" y="418768"/>
                </a:lnTo>
                <a:lnTo>
                  <a:pt x="4238348" y="418324"/>
                </a:lnTo>
                <a:close/>
                <a:moveTo>
                  <a:pt x="4114847" y="418324"/>
                </a:moveTo>
                <a:lnTo>
                  <a:pt x="4114847" y="418769"/>
                </a:lnTo>
                <a:lnTo>
                  <a:pt x="4115291" y="418769"/>
                </a:lnTo>
                <a:lnTo>
                  <a:pt x="4115291" y="418324"/>
                </a:lnTo>
                <a:close/>
                <a:moveTo>
                  <a:pt x="3991789" y="418324"/>
                </a:moveTo>
                <a:lnTo>
                  <a:pt x="3991789" y="418769"/>
                </a:lnTo>
                <a:lnTo>
                  <a:pt x="3992234" y="418769"/>
                </a:lnTo>
                <a:lnTo>
                  <a:pt x="3992234" y="418324"/>
                </a:lnTo>
                <a:close/>
                <a:moveTo>
                  <a:pt x="5714629" y="418323"/>
                </a:moveTo>
                <a:lnTo>
                  <a:pt x="5714629" y="418768"/>
                </a:lnTo>
                <a:lnTo>
                  <a:pt x="5715073" y="418768"/>
                </a:lnTo>
                <a:lnTo>
                  <a:pt x="5715073" y="418323"/>
                </a:lnTo>
                <a:close/>
                <a:moveTo>
                  <a:pt x="5591572" y="418323"/>
                </a:moveTo>
                <a:lnTo>
                  <a:pt x="5591572" y="418768"/>
                </a:lnTo>
                <a:lnTo>
                  <a:pt x="5592017" y="418768"/>
                </a:lnTo>
                <a:lnTo>
                  <a:pt x="5592017" y="418323"/>
                </a:lnTo>
                <a:close/>
                <a:moveTo>
                  <a:pt x="5468514" y="418323"/>
                </a:moveTo>
                <a:lnTo>
                  <a:pt x="5468514" y="418768"/>
                </a:lnTo>
                <a:lnTo>
                  <a:pt x="5468958" y="418768"/>
                </a:lnTo>
                <a:lnTo>
                  <a:pt x="5468958" y="418323"/>
                </a:lnTo>
                <a:close/>
                <a:moveTo>
                  <a:pt x="5345457" y="418323"/>
                </a:moveTo>
                <a:lnTo>
                  <a:pt x="5345457" y="418768"/>
                </a:lnTo>
                <a:lnTo>
                  <a:pt x="5345901" y="418768"/>
                </a:lnTo>
                <a:lnTo>
                  <a:pt x="5345901" y="418323"/>
                </a:lnTo>
                <a:close/>
                <a:moveTo>
                  <a:pt x="5222400" y="418323"/>
                </a:moveTo>
                <a:lnTo>
                  <a:pt x="5222400" y="418768"/>
                </a:lnTo>
                <a:lnTo>
                  <a:pt x="5222844" y="418768"/>
                </a:lnTo>
                <a:lnTo>
                  <a:pt x="5222844" y="418323"/>
                </a:lnTo>
                <a:close/>
                <a:moveTo>
                  <a:pt x="5099305" y="418323"/>
                </a:moveTo>
                <a:lnTo>
                  <a:pt x="5099305" y="418768"/>
                </a:lnTo>
                <a:lnTo>
                  <a:pt x="5099749" y="418768"/>
                </a:lnTo>
                <a:lnTo>
                  <a:pt x="5099749" y="418323"/>
                </a:lnTo>
                <a:close/>
                <a:moveTo>
                  <a:pt x="4976248" y="418323"/>
                </a:moveTo>
                <a:lnTo>
                  <a:pt x="4976248" y="418768"/>
                </a:lnTo>
                <a:lnTo>
                  <a:pt x="4976692" y="418768"/>
                </a:lnTo>
                <a:lnTo>
                  <a:pt x="4976692" y="418323"/>
                </a:lnTo>
                <a:close/>
                <a:moveTo>
                  <a:pt x="4853191" y="418323"/>
                </a:moveTo>
                <a:lnTo>
                  <a:pt x="4853191" y="418768"/>
                </a:lnTo>
                <a:lnTo>
                  <a:pt x="4853636" y="418768"/>
                </a:lnTo>
                <a:lnTo>
                  <a:pt x="4853636" y="418323"/>
                </a:lnTo>
                <a:close/>
                <a:moveTo>
                  <a:pt x="4730133" y="418323"/>
                </a:moveTo>
                <a:lnTo>
                  <a:pt x="4730133" y="418768"/>
                </a:lnTo>
                <a:lnTo>
                  <a:pt x="4730578" y="418768"/>
                </a:lnTo>
                <a:lnTo>
                  <a:pt x="4730578" y="418323"/>
                </a:lnTo>
                <a:close/>
                <a:moveTo>
                  <a:pt x="4360961" y="418323"/>
                </a:moveTo>
                <a:lnTo>
                  <a:pt x="4360961" y="418768"/>
                </a:lnTo>
                <a:lnTo>
                  <a:pt x="4361405" y="418768"/>
                </a:lnTo>
                <a:lnTo>
                  <a:pt x="4361405" y="418323"/>
                </a:lnTo>
                <a:close/>
                <a:moveTo>
                  <a:pt x="3868510" y="418140"/>
                </a:moveTo>
                <a:lnTo>
                  <a:pt x="3868510" y="418992"/>
                </a:lnTo>
                <a:lnTo>
                  <a:pt x="3869362" y="418992"/>
                </a:lnTo>
                <a:lnTo>
                  <a:pt x="3869362" y="418140"/>
                </a:lnTo>
                <a:close/>
                <a:moveTo>
                  <a:pt x="3745230" y="417881"/>
                </a:moveTo>
                <a:lnTo>
                  <a:pt x="3745230" y="419177"/>
                </a:lnTo>
                <a:lnTo>
                  <a:pt x="3746526" y="419177"/>
                </a:lnTo>
                <a:lnTo>
                  <a:pt x="3746526" y="417881"/>
                </a:lnTo>
                <a:close/>
                <a:moveTo>
                  <a:pt x="3621951" y="417659"/>
                </a:moveTo>
                <a:lnTo>
                  <a:pt x="3621951" y="419399"/>
                </a:lnTo>
                <a:lnTo>
                  <a:pt x="3623691" y="419399"/>
                </a:lnTo>
                <a:lnTo>
                  <a:pt x="3623691" y="417659"/>
                </a:lnTo>
                <a:close/>
                <a:moveTo>
                  <a:pt x="3498449" y="417251"/>
                </a:moveTo>
                <a:lnTo>
                  <a:pt x="3498449" y="419843"/>
                </a:lnTo>
                <a:lnTo>
                  <a:pt x="3501041" y="419843"/>
                </a:lnTo>
                <a:lnTo>
                  <a:pt x="3501041" y="417251"/>
                </a:lnTo>
                <a:close/>
                <a:moveTo>
                  <a:pt x="3374725" y="416585"/>
                </a:moveTo>
                <a:lnTo>
                  <a:pt x="3374725" y="420510"/>
                </a:lnTo>
                <a:lnTo>
                  <a:pt x="3378650" y="420510"/>
                </a:lnTo>
                <a:lnTo>
                  <a:pt x="3378650" y="416585"/>
                </a:lnTo>
                <a:close/>
                <a:moveTo>
                  <a:pt x="3251038" y="415917"/>
                </a:moveTo>
                <a:lnTo>
                  <a:pt x="3251038" y="421139"/>
                </a:lnTo>
                <a:lnTo>
                  <a:pt x="3256260" y="421139"/>
                </a:lnTo>
                <a:lnTo>
                  <a:pt x="3256260" y="415917"/>
                </a:lnTo>
                <a:close/>
                <a:moveTo>
                  <a:pt x="3127092" y="415066"/>
                </a:moveTo>
                <a:lnTo>
                  <a:pt x="3127092" y="422028"/>
                </a:lnTo>
                <a:lnTo>
                  <a:pt x="3134054" y="422028"/>
                </a:lnTo>
                <a:lnTo>
                  <a:pt x="3134054" y="415066"/>
                </a:lnTo>
                <a:close/>
                <a:moveTo>
                  <a:pt x="3002961" y="413992"/>
                </a:moveTo>
                <a:lnTo>
                  <a:pt x="3002961" y="423102"/>
                </a:lnTo>
                <a:lnTo>
                  <a:pt x="3012071" y="423102"/>
                </a:lnTo>
                <a:lnTo>
                  <a:pt x="3012071" y="413992"/>
                </a:lnTo>
                <a:close/>
                <a:moveTo>
                  <a:pt x="2878385" y="412474"/>
                </a:moveTo>
                <a:lnTo>
                  <a:pt x="2878385" y="424620"/>
                </a:lnTo>
                <a:lnTo>
                  <a:pt x="2890532" y="424620"/>
                </a:lnTo>
                <a:lnTo>
                  <a:pt x="2890532" y="412474"/>
                </a:lnTo>
                <a:close/>
                <a:moveTo>
                  <a:pt x="2753810" y="410956"/>
                </a:moveTo>
                <a:lnTo>
                  <a:pt x="2753810" y="426139"/>
                </a:lnTo>
                <a:lnTo>
                  <a:pt x="2768993" y="426139"/>
                </a:lnTo>
                <a:lnTo>
                  <a:pt x="2768993" y="410956"/>
                </a:lnTo>
                <a:close/>
                <a:moveTo>
                  <a:pt x="2629012" y="409215"/>
                </a:moveTo>
                <a:lnTo>
                  <a:pt x="2629012" y="427879"/>
                </a:lnTo>
                <a:lnTo>
                  <a:pt x="2647676" y="427879"/>
                </a:lnTo>
                <a:lnTo>
                  <a:pt x="2647676" y="409215"/>
                </a:lnTo>
                <a:close/>
                <a:moveTo>
                  <a:pt x="2503548" y="406808"/>
                </a:moveTo>
                <a:lnTo>
                  <a:pt x="2503548" y="430249"/>
                </a:lnTo>
                <a:lnTo>
                  <a:pt x="2526989" y="430249"/>
                </a:lnTo>
                <a:lnTo>
                  <a:pt x="2526989" y="406808"/>
                </a:lnTo>
                <a:close/>
                <a:moveTo>
                  <a:pt x="2378083" y="404438"/>
                </a:moveTo>
                <a:lnTo>
                  <a:pt x="2378083" y="432657"/>
                </a:lnTo>
                <a:lnTo>
                  <a:pt x="2406301" y="432657"/>
                </a:lnTo>
                <a:lnTo>
                  <a:pt x="2406301" y="404438"/>
                </a:lnTo>
                <a:close/>
                <a:moveTo>
                  <a:pt x="2252434" y="401810"/>
                </a:moveTo>
                <a:lnTo>
                  <a:pt x="2252434" y="435249"/>
                </a:lnTo>
                <a:lnTo>
                  <a:pt x="2285874" y="435249"/>
                </a:lnTo>
                <a:lnTo>
                  <a:pt x="2285874" y="401810"/>
                </a:lnTo>
                <a:close/>
                <a:moveTo>
                  <a:pt x="2126562" y="398995"/>
                </a:moveTo>
                <a:lnTo>
                  <a:pt x="2126562" y="438101"/>
                </a:lnTo>
                <a:lnTo>
                  <a:pt x="2165668" y="438101"/>
                </a:lnTo>
                <a:lnTo>
                  <a:pt x="2165668" y="398995"/>
                </a:lnTo>
                <a:close/>
                <a:moveTo>
                  <a:pt x="2000468" y="395959"/>
                </a:moveTo>
                <a:lnTo>
                  <a:pt x="2000468" y="441138"/>
                </a:lnTo>
                <a:lnTo>
                  <a:pt x="2045647" y="441138"/>
                </a:lnTo>
                <a:lnTo>
                  <a:pt x="2045647" y="395959"/>
                </a:lnTo>
                <a:close/>
                <a:moveTo>
                  <a:pt x="1874337" y="392922"/>
                </a:moveTo>
                <a:lnTo>
                  <a:pt x="1874337" y="444174"/>
                </a:lnTo>
                <a:lnTo>
                  <a:pt x="1925589" y="444174"/>
                </a:lnTo>
                <a:lnTo>
                  <a:pt x="1925589" y="392922"/>
                </a:lnTo>
                <a:close/>
                <a:moveTo>
                  <a:pt x="1748021" y="389663"/>
                </a:moveTo>
                <a:lnTo>
                  <a:pt x="1748021" y="447433"/>
                </a:lnTo>
                <a:lnTo>
                  <a:pt x="1805791" y="447433"/>
                </a:lnTo>
                <a:lnTo>
                  <a:pt x="1805791" y="389663"/>
                </a:lnTo>
                <a:close/>
                <a:moveTo>
                  <a:pt x="1621705" y="386404"/>
                </a:moveTo>
                <a:lnTo>
                  <a:pt x="1621705" y="450692"/>
                </a:lnTo>
                <a:lnTo>
                  <a:pt x="1685993" y="450692"/>
                </a:lnTo>
                <a:lnTo>
                  <a:pt x="1685993" y="386404"/>
                </a:lnTo>
                <a:close/>
                <a:moveTo>
                  <a:pt x="1495389" y="383146"/>
                </a:moveTo>
                <a:lnTo>
                  <a:pt x="1495389" y="453951"/>
                </a:lnTo>
                <a:lnTo>
                  <a:pt x="1566194" y="453951"/>
                </a:lnTo>
                <a:lnTo>
                  <a:pt x="1566194" y="383146"/>
                </a:lnTo>
                <a:close/>
                <a:moveTo>
                  <a:pt x="1369295" y="380109"/>
                </a:moveTo>
                <a:lnTo>
                  <a:pt x="1369295" y="456987"/>
                </a:lnTo>
                <a:lnTo>
                  <a:pt x="1446174" y="456987"/>
                </a:lnTo>
                <a:lnTo>
                  <a:pt x="1446174" y="380109"/>
                </a:lnTo>
                <a:close/>
                <a:moveTo>
                  <a:pt x="1243423" y="377295"/>
                </a:moveTo>
                <a:lnTo>
                  <a:pt x="1243423" y="459802"/>
                </a:lnTo>
                <a:lnTo>
                  <a:pt x="1325930" y="459802"/>
                </a:lnTo>
                <a:lnTo>
                  <a:pt x="1325930" y="377295"/>
                </a:lnTo>
                <a:close/>
                <a:moveTo>
                  <a:pt x="1117514" y="374443"/>
                </a:moveTo>
                <a:lnTo>
                  <a:pt x="1117514" y="462616"/>
                </a:lnTo>
                <a:lnTo>
                  <a:pt x="1205687" y="462616"/>
                </a:lnTo>
                <a:lnTo>
                  <a:pt x="1205687" y="374443"/>
                </a:lnTo>
                <a:close/>
                <a:moveTo>
                  <a:pt x="992087" y="372073"/>
                </a:moveTo>
                <a:lnTo>
                  <a:pt x="992087" y="465023"/>
                </a:lnTo>
                <a:lnTo>
                  <a:pt x="1085037" y="465023"/>
                </a:lnTo>
                <a:lnTo>
                  <a:pt x="1085037" y="372073"/>
                </a:lnTo>
                <a:close/>
                <a:moveTo>
                  <a:pt x="866844" y="369889"/>
                </a:moveTo>
                <a:lnTo>
                  <a:pt x="866844" y="467171"/>
                </a:lnTo>
                <a:lnTo>
                  <a:pt x="964127" y="467171"/>
                </a:lnTo>
                <a:lnTo>
                  <a:pt x="964127" y="369889"/>
                </a:lnTo>
                <a:close/>
                <a:moveTo>
                  <a:pt x="742047" y="368149"/>
                </a:moveTo>
                <a:lnTo>
                  <a:pt x="742047" y="468912"/>
                </a:lnTo>
                <a:lnTo>
                  <a:pt x="842811" y="468912"/>
                </a:lnTo>
                <a:lnTo>
                  <a:pt x="842811" y="368149"/>
                </a:lnTo>
                <a:close/>
                <a:moveTo>
                  <a:pt x="617471" y="366630"/>
                </a:moveTo>
                <a:lnTo>
                  <a:pt x="617471" y="470430"/>
                </a:lnTo>
                <a:lnTo>
                  <a:pt x="721272" y="470430"/>
                </a:lnTo>
                <a:lnTo>
                  <a:pt x="721272" y="366630"/>
                </a:lnTo>
                <a:close/>
                <a:moveTo>
                  <a:pt x="493118" y="365371"/>
                </a:moveTo>
                <a:lnTo>
                  <a:pt x="493118" y="471764"/>
                </a:lnTo>
                <a:lnTo>
                  <a:pt x="599511" y="471764"/>
                </a:lnTo>
                <a:lnTo>
                  <a:pt x="599511" y="365371"/>
                </a:lnTo>
                <a:close/>
                <a:moveTo>
                  <a:pt x="369171" y="364483"/>
                </a:moveTo>
                <a:lnTo>
                  <a:pt x="369171" y="472615"/>
                </a:lnTo>
                <a:lnTo>
                  <a:pt x="477304" y="472615"/>
                </a:lnTo>
                <a:lnTo>
                  <a:pt x="477304" y="364483"/>
                </a:lnTo>
                <a:close/>
                <a:moveTo>
                  <a:pt x="245485" y="363816"/>
                </a:moveTo>
                <a:lnTo>
                  <a:pt x="245485" y="473283"/>
                </a:lnTo>
                <a:lnTo>
                  <a:pt x="354952" y="473283"/>
                </a:lnTo>
                <a:lnTo>
                  <a:pt x="354952" y="363816"/>
                </a:lnTo>
                <a:close/>
                <a:moveTo>
                  <a:pt x="121983" y="363372"/>
                </a:moveTo>
                <a:lnTo>
                  <a:pt x="121983" y="473690"/>
                </a:lnTo>
                <a:lnTo>
                  <a:pt x="232301" y="473690"/>
                </a:lnTo>
                <a:lnTo>
                  <a:pt x="232301" y="363372"/>
                </a:lnTo>
                <a:close/>
                <a:moveTo>
                  <a:pt x="5468514" y="295264"/>
                </a:moveTo>
                <a:lnTo>
                  <a:pt x="5468514" y="295708"/>
                </a:lnTo>
                <a:lnTo>
                  <a:pt x="5468958" y="295708"/>
                </a:lnTo>
                <a:lnTo>
                  <a:pt x="5468958" y="295264"/>
                </a:lnTo>
                <a:close/>
                <a:moveTo>
                  <a:pt x="5345457" y="295264"/>
                </a:moveTo>
                <a:lnTo>
                  <a:pt x="5345457" y="295708"/>
                </a:lnTo>
                <a:lnTo>
                  <a:pt x="5345901" y="295708"/>
                </a:lnTo>
                <a:lnTo>
                  <a:pt x="5345901" y="295264"/>
                </a:lnTo>
                <a:close/>
                <a:moveTo>
                  <a:pt x="5222400" y="295264"/>
                </a:moveTo>
                <a:lnTo>
                  <a:pt x="5222400" y="295708"/>
                </a:lnTo>
                <a:lnTo>
                  <a:pt x="5222844" y="295708"/>
                </a:lnTo>
                <a:lnTo>
                  <a:pt x="5222844" y="295264"/>
                </a:lnTo>
                <a:close/>
                <a:moveTo>
                  <a:pt x="5099305" y="295264"/>
                </a:moveTo>
                <a:lnTo>
                  <a:pt x="5099305" y="295708"/>
                </a:lnTo>
                <a:lnTo>
                  <a:pt x="5099749" y="295708"/>
                </a:lnTo>
                <a:lnTo>
                  <a:pt x="5099749" y="295264"/>
                </a:lnTo>
                <a:close/>
                <a:moveTo>
                  <a:pt x="4976248" y="295264"/>
                </a:moveTo>
                <a:lnTo>
                  <a:pt x="4976248" y="295708"/>
                </a:lnTo>
                <a:lnTo>
                  <a:pt x="4976692" y="295708"/>
                </a:lnTo>
                <a:lnTo>
                  <a:pt x="4976692" y="295264"/>
                </a:lnTo>
                <a:close/>
                <a:moveTo>
                  <a:pt x="4853191" y="295264"/>
                </a:moveTo>
                <a:lnTo>
                  <a:pt x="4853191" y="295708"/>
                </a:lnTo>
                <a:lnTo>
                  <a:pt x="4853636" y="295708"/>
                </a:lnTo>
                <a:lnTo>
                  <a:pt x="4853636" y="295264"/>
                </a:lnTo>
                <a:close/>
                <a:moveTo>
                  <a:pt x="4730133" y="295264"/>
                </a:moveTo>
                <a:lnTo>
                  <a:pt x="4730133" y="295708"/>
                </a:lnTo>
                <a:lnTo>
                  <a:pt x="4730578" y="295708"/>
                </a:lnTo>
                <a:lnTo>
                  <a:pt x="4730578" y="295264"/>
                </a:lnTo>
                <a:close/>
                <a:moveTo>
                  <a:pt x="4360961" y="295264"/>
                </a:moveTo>
                <a:lnTo>
                  <a:pt x="4360961" y="295708"/>
                </a:lnTo>
                <a:lnTo>
                  <a:pt x="4361405" y="295708"/>
                </a:lnTo>
                <a:lnTo>
                  <a:pt x="4361405" y="295264"/>
                </a:lnTo>
                <a:close/>
                <a:moveTo>
                  <a:pt x="4237904" y="295264"/>
                </a:moveTo>
                <a:lnTo>
                  <a:pt x="4237904" y="295708"/>
                </a:lnTo>
                <a:lnTo>
                  <a:pt x="4238348" y="295708"/>
                </a:lnTo>
                <a:lnTo>
                  <a:pt x="4238348" y="295264"/>
                </a:lnTo>
                <a:close/>
                <a:moveTo>
                  <a:pt x="4114847" y="295264"/>
                </a:moveTo>
                <a:lnTo>
                  <a:pt x="4114847" y="295708"/>
                </a:lnTo>
                <a:lnTo>
                  <a:pt x="4115291" y="295708"/>
                </a:lnTo>
                <a:lnTo>
                  <a:pt x="4115291" y="295264"/>
                </a:lnTo>
                <a:close/>
                <a:moveTo>
                  <a:pt x="3991789" y="295264"/>
                </a:moveTo>
                <a:lnTo>
                  <a:pt x="3991789" y="295708"/>
                </a:lnTo>
                <a:lnTo>
                  <a:pt x="3992234" y="295708"/>
                </a:lnTo>
                <a:lnTo>
                  <a:pt x="3992234" y="295264"/>
                </a:lnTo>
                <a:close/>
                <a:moveTo>
                  <a:pt x="5714629" y="295263"/>
                </a:moveTo>
                <a:lnTo>
                  <a:pt x="5714629" y="295707"/>
                </a:lnTo>
                <a:lnTo>
                  <a:pt x="5715073" y="295707"/>
                </a:lnTo>
                <a:lnTo>
                  <a:pt x="5715073" y="295263"/>
                </a:lnTo>
                <a:close/>
                <a:moveTo>
                  <a:pt x="5591572" y="295263"/>
                </a:moveTo>
                <a:lnTo>
                  <a:pt x="5591572" y="295707"/>
                </a:lnTo>
                <a:lnTo>
                  <a:pt x="5592017" y="295707"/>
                </a:lnTo>
                <a:lnTo>
                  <a:pt x="5592017" y="295263"/>
                </a:lnTo>
                <a:close/>
                <a:moveTo>
                  <a:pt x="3868510" y="295041"/>
                </a:moveTo>
                <a:lnTo>
                  <a:pt x="3868510" y="295893"/>
                </a:lnTo>
                <a:lnTo>
                  <a:pt x="3869362" y="295893"/>
                </a:lnTo>
                <a:lnTo>
                  <a:pt x="3869362" y="295041"/>
                </a:lnTo>
                <a:close/>
                <a:moveTo>
                  <a:pt x="3745230" y="294820"/>
                </a:moveTo>
                <a:lnTo>
                  <a:pt x="3745230" y="296115"/>
                </a:lnTo>
                <a:lnTo>
                  <a:pt x="3746526" y="296115"/>
                </a:lnTo>
                <a:lnTo>
                  <a:pt x="3746526" y="294820"/>
                </a:lnTo>
                <a:close/>
                <a:moveTo>
                  <a:pt x="3621729" y="294376"/>
                </a:moveTo>
                <a:lnTo>
                  <a:pt x="3621729" y="296561"/>
                </a:lnTo>
                <a:lnTo>
                  <a:pt x="3623914" y="296561"/>
                </a:lnTo>
                <a:lnTo>
                  <a:pt x="3623914" y="294376"/>
                </a:lnTo>
                <a:close/>
                <a:moveTo>
                  <a:pt x="3498227" y="293968"/>
                </a:moveTo>
                <a:lnTo>
                  <a:pt x="3498227" y="297005"/>
                </a:lnTo>
                <a:lnTo>
                  <a:pt x="3501264" y="297005"/>
                </a:lnTo>
                <a:lnTo>
                  <a:pt x="3501264" y="293968"/>
                </a:lnTo>
                <a:close/>
                <a:moveTo>
                  <a:pt x="3374540" y="293302"/>
                </a:moveTo>
                <a:lnTo>
                  <a:pt x="3374540" y="297635"/>
                </a:lnTo>
                <a:lnTo>
                  <a:pt x="3378873" y="297635"/>
                </a:lnTo>
                <a:lnTo>
                  <a:pt x="3378873" y="293302"/>
                </a:lnTo>
                <a:close/>
                <a:moveTo>
                  <a:pt x="3250816" y="292672"/>
                </a:moveTo>
                <a:lnTo>
                  <a:pt x="3250816" y="298301"/>
                </a:lnTo>
                <a:lnTo>
                  <a:pt x="3256445" y="298301"/>
                </a:lnTo>
                <a:lnTo>
                  <a:pt x="3256445" y="292672"/>
                </a:lnTo>
                <a:close/>
                <a:moveTo>
                  <a:pt x="3126870" y="291784"/>
                </a:moveTo>
                <a:lnTo>
                  <a:pt x="3126870" y="299153"/>
                </a:lnTo>
                <a:lnTo>
                  <a:pt x="3134239" y="299153"/>
                </a:lnTo>
                <a:lnTo>
                  <a:pt x="3134239" y="291784"/>
                </a:lnTo>
                <a:close/>
                <a:moveTo>
                  <a:pt x="3002517" y="290488"/>
                </a:moveTo>
                <a:lnTo>
                  <a:pt x="3002517" y="300486"/>
                </a:lnTo>
                <a:lnTo>
                  <a:pt x="3012516" y="300486"/>
                </a:lnTo>
                <a:lnTo>
                  <a:pt x="3012516" y="290488"/>
                </a:lnTo>
                <a:close/>
                <a:moveTo>
                  <a:pt x="2878163" y="289191"/>
                </a:moveTo>
                <a:lnTo>
                  <a:pt x="2878163" y="301782"/>
                </a:lnTo>
                <a:lnTo>
                  <a:pt x="2890754" y="301782"/>
                </a:lnTo>
                <a:lnTo>
                  <a:pt x="2890754" y="289191"/>
                </a:lnTo>
                <a:close/>
                <a:moveTo>
                  <a:pt x="2753365" y="287451"/>
                </a:moveTo>
                <a:lnTo>
                  <a:pt x="2753365" y="303523"/>
                </a:lnTo>
                <a:lnTo>
                  <a:pt x="2769437" y="303523"/>
                </a:lnTo>
                <a:lnTo>
                  <a:pt x="2769437" y="287451"/>
                </a:lnTo>
                <a:close/>
                <a:moveTo>
                  <a:pt x="2628568" y="285710"/>
                </a:moveTo>
                <a:lnTo>
                  <a:pt x="2628568" y="305263"/>
                </a:lnTo>
                <a:lnTo>
                  <a:pt x="2648121" y="305263"/>
                </a:lnTo>
                <a:lnTo>
                  <a:pt x="2648121" y="285710"/>
                </a:lnTo>
                <a:close/>
                <a:moveTo>
                  <a:pt x="2503325" y="283526"/>
                </a:moveTo>
                <a:lnTo>
                  <a:pt x="2503325" y="307411"/>
                </a:lnTo>
                <a:lnTo>
                  <a:pt x="2527211" y="307411"/>
                </a:lnTo>
                <a:lnTo>
                  <a:pt x="2527211" y="283526"/>
                </a:lnTo>
                <a:close/>
                <a:moveTo>
                  <a:pt x="2377898" y="281155"/>
                </a:moveTo>
                <a:lnTo>
                  <a:pt x="2377898" y="309818"/>
                </a:lnTo>
                <a:lnTo>
                  <a:pt x="2406561" y="309818"/>
                </a:lnTo>
                <a:lnTo>
                  <a:pt x="2406561" y="281155"/>
                </a:lnTo>
                <a:close/>
                <a:moveTo>
                  <a:pt x="2252211" y="278527"/>
                </a:moveTo>
                <a:lnTo>
                  <a:pt x="2252211" y="312410"/>
                </a:lnTo>
                <a:lnTo>
                  <a:pt x="2286095" y="312410"/>
                </a:lnTo>
                <a:lnTo>
                  <a:pt x="2286095" y="278527"/>
                </a:lnTo>
                <a:close/>
                <a:moveTo>
                  <a:pt x="2126117" y="275491"/>
                </a:moveTo>
                <a:lnTo>
                  <a:pt x="2126117" y="315448"/>
                </a:lnTo>
                <a:lnTo>
                  <a:pt x="2166074" y="315448"/>
                </a:lnTo>
                <a:lnTo>
                  <a:pt x="2166074" y="275491"/>
                </a:lnTo>
                <a:close/>
                <a:moveTo>
                  <a:pt x="2000246" y="272676"/>
                </a:moveTo>
                <a:lnTo>
                  <a:pt x="2000246" y="318263"/>
                </a:lnTo>
                <a:lnTo>
                  <a:pt x="2045832" y="318263"/>
                </a:lnTo>
                <a:lnTo>
                  <a:pt x="2045832" y="272676"/>
                </a:lnTo>
                <a:close/>
                <a:moveTo>
                  <a:pt x="1874152" y="269640"/>
                </a:moveTo>
                <a:lnTo>
                  <a:pt x="1874152" y="321336"/>
                </a:lnTo>
                <a:lnTo>
                  <a:pt x="1925849" y="321336"/>
                </a:lnTo>
                <a:lnTo>
                  <a:pt x="1925849" y="269640"/>
                </a:lnTo>
                <a:close/>
                <a:moveTo>
                  <a:pt x="1747799" y="266381"/>
                </a:moveTo>
                <a:lnTo>
                  <a:pt x="1747799" y="324595"/>
                </a:lnTo>
                <a:lnTo>
                  <a:pt x="1806013" y="324595"/>
                </a:lnTo>
                <a:lnTo>
                  <a:pt x="1806013" y="266381"/>
                </a:lnTo>
                <a:close/>
                <a:moveTo>
                  <a:pt x="1621705" y="263344"/>
                </a:moveTo>
                <a:lnTo>
                  <a:pt x="1621705" y="327632"/>
                </a:lnTo>
                <a:lnTo>
                  <a:pt x="1685993" y="327632"/>
                </a:lnTo>
                <a:lnTo>
                  <a:pt x="1685993" y="263344"/>
                </a:lnTo>
                <a:close/>
                <a:moveTo>
                  <a:pt x="1495389" y="260085"/>
                </a:moveTo>
                <a:lnTo>
                  <a:pt x="1495389" y="330890"/>
                </a:lnTo>
                <a:lnTo>
                  <a:pt x="1566194" y="330890"/>
                </a:lnTo>
                <a:lnTo>
                  <a:pt x="1566194" y="260085"/>
                </a:lnTo>
                <a:close/>
                <a:moveTo>
                  <a:pt x="1369295" y="257049"/>
                </a:moveTo>
                <a:lnTo>
                  <a:pt x="1369295" y="333927"/>
                </a:lnTo>
                <a:lnTo>
                  <a:pt x="1446174" y="333927"/>
                </a:lnTo>
                <a:lnTo>
                  <a:pt x="1446174" y="257049"/>
                </a:lnTo>
                <a:close/>
                <a:moveTo>
                  <a:pt x="1243423" y="254235"/>
                </a:moveTo>
                <a:lnTo>
                  <a:pt x="1243423" y="336742"/>
                </a:lnTo>
                <a:lnTo>
                  <a:pt x="1325930" y="336742"/>
                </a:lnTo>
                <a:lnTo>
                  <a:pt x="1325930" y="254235"/>
                </a:lnTo>
                <a:close/>
                <a:moveTo>
                  <a:pt x="1117736" y="251605"/>
                </a:moveTo>
                <a:lnTo>
                  <a:pt x="1117736" y="339334"/>
                </a:lnTo>
                <a:lnTo>
                  <a:pt x="1205465" y="339334"/>
                </a:lnTo>
                <a:lnTo>
                  <a:pt x="1205465" y="251605"/>
                </a:lnTo>
                <a:close/>
                <a:moveTo>
                  <a:pt x="992309" y="249235"/>
                </a:moveTo>
                <a:lnTo>
                  <a:pt x="992309" y="341741"/>
                </a:lnTo>
                <a:lnTo>
                  <a:pt x="1084815" y="341741"/>
                </a:lnTo>
                <a:lnTo>
                  <a:pt x="1084815" y="249235"/>
                </a:lnTo>
                <a:close/>
                <a:moveTo>
                  <a:pt x="867067" y="247050"/>
                </a:moveTo>
                <a:lnTo>
                  <a:pt x="867067" y="343889"/>
                </a:lnTo>
                <a:lnTo>
                  <a:pt x="963906" y="343889"/>
                </a:lnTo>
                <a:lnTo>
                  <a:pt x="963906" y="247050"/>
                </a:lnTo>
                <a:close/>
                <a:moveTo>
                  <a:pt x="742269" y="245309"/>
                </a:moveTo>
                <a:lnTo>
                  <a:pt x="742269" y="345629"/>
                </a:lnTo>
                <a:lnTo>
                  <a:pt x="842589" y="345629"/>
                </a:lnTo>
                <a:lnTo>
                  <a:pt x="842589" y="245309"/>
                </a:lnTo>
                <a:close/>
                <a:moveTo>
                  <a:pt x="617693" y="243793"/>
                </a:moveTo>
                <a:lnTo>
                  <a:pt x="617693" y="347148"/>
                </a:lnTo>
                <a:lnTo>
                  <a:pt x="721049" y="347148"/>
                </a:lnTo>
                <a:lnTo>
                  <a:pt x="721049" y="243793"/>
                </a:lnTo>
                <a:close/>
                <a:moveTo>
                  <a:pt x="493340" y="242496"/>
                </a:moveTo>
                <a:lnTo>
                  <a:pt x="493340" y="348482"/>
                </a:lnTo>
                <a:lnTo>
                  <a:pt x="599326" y="348482"/>
                </a:lnTo>
                <a:lnTo>
                  <a:pt x="599326" y="242496"/>
                </a:lnTo>
                <a:close/>
                <a:moveTo>
                  <a:pt x="369394" y="241607"/>
                </a:moveTo>
                <a:lnTo>
                  <a:pt x="369394" y="349332"/>
                </a:lnTo>
                <a:lnTo>
                  <a:pt x="477120" y="349332"/>
                </a:lnTo>
                <a:lnTo>
                  <a:pt x="477120" y="241607"/>
                </a:lnTo>
                <a:close/>
                <a:moveTo>
                  <a:pt x="245485" y="240755"/>
                </a:moveTo>
                <a:lnTo>
                  <a:pt x="245485" y="350222"/>
                </a:lnTo>
                <a:lnTo>
                  <a:pt x="354952" y="350222"/>
                </a:lnTo>
                <a:lnTo>
                  <a:pt x="354952" y="240755"/>
                </a:lnTo>
                <a:close/>
                <a:moveTo>
                  <a:pt x="121983" y="240312"/>
                </a:moveTo>
                <a:lnTo>
                  <a:pt x="121983" y="350630"/>
                </a:lnTo>
                <a:lnTo>
                  <a:pt x="232301" y="350630"/>
                </a:lnTo>
                <a:lnTo>
                  <a:pt x="232301" y="240312"/>
                </a:lnTo>
                <a:close/>
                <a:moveTo>
                  <a:pt x="4484019" y="172204"/>
                </a:moveTo>
                <a:lnTo>
                  <a:pt x="4484019" y="172648"/>
                </a:lnTo>
                <a:lnTo>
                  <a:pt x="4484463" y="172648"/>
                </a:lnTo>
                <a:lnTo>
                  <a:pt x="4484463" y="172204"/>
                </a:lnTo>
                <a:close/>
                <a:moveTo>
                  <a:pt x="4360961" y="172204"/>
                </a:moveTo>
                <a:lnTo>
                  <a:pt x="4360961" y="172648"/>
                </a:lnTo>
                <a:lnTo>
                  <a:pt x="4361405" y="172648"/>
                </a:lnTo>
                <a:lnTo>
                  <a:pt x="4361405" y="172204"/>
                </a:lnTo>
                <a:close/>
                <a:moveTo>
                  <a:pt x="4237904" y="172204"/>
                </a:moveTo>
                <a:lnTo>
                  <a:pt x="4237904" y="172648"/>
                </a:lnTo>
                <a:lnTo>
                  <a:pt x="4238348" y="172648"/>
                </a:lnTo>
                <a:lnTo>
                  <a:pt x="4238348" y="172204"/>
                </a:lnTo>
                <a:close/>
                <a:moveTo>
                  <a:pt x="4114847" y="172204"/>
                </a:moveTo>
                <a:lnTo>
                  <a:pt x="4114847" y="172648"/>
                </a:lnTo>
                <a:lnTo>
                  <a:pt x="4115291" y="172648"/>
                </a:lnTo>
                <a:lnTo>
                  <a:pt x="4115291" y="172204"/>
                </a:lnTo>
                <a:close/>
                <a:moveTo>
                  <a:pt x="5714629" y="172203"/>
                </a:moveTo>
                <a:lnTo>
                  <a:pt x="5714629" y="172647"/>
                </a:lnTo>
                <a:lnTo>
                  <a:pt x="5715073" y="172647"/>
                </a:lnTo>
                <a:lnTo>
                  <a:pt x="5715073" y="172203"/>
                </a:lnTo>
                <a:close/>
                <a:moveTo>
                  <a:pt x="5591572" y="172203"/>
                </a:moveTo>
                <a:lnTo>
                  <a:pt x="5591572" y="172647"/>
                </a:lnTo>
                <a:lnTo>
                  <a:pt x="5592017" y="172647"/>
                </a:lnTo>
                <a:lnTo>
                  <a:pt x="5592017" y="172203"/>
                </a:lnTo>
                <a:close/>
                <a:moveTo>
                  <a:pt x="5468514" y="172203"/>
                </a:moveTo>
                <a:lnTo>
                  <a:pt x="5468514" y="172647"/>
                </a:lnTo>
                <a:lnTo>
                  <a:pt x="5468958" y="172647"/>
                </a:lnTo>
                <a:lnTo>
                  <a:pt x="5468958" y="172203"/>
                </a:lnTo>
                <a:close/>
                <a:moveTo>
                  <a:pt x="5345457" y="172203"/>
                </a:moveTo>
                <a:lnTo>
                  <a:pt x="5345457" y="172647"/>
                </a:lnTo>
                <a:lnTo>
                  <a:pt x="5345901" y="172647"/>
                </a:lnTo>
                <a:lnTo>
                  <a:pt x="5345901" y="172203"/>
                </a:lnTo>
                <a:close/>
                <a:moveTo>
                  <a:pt x="5222400" y="172203"/>
                </a:moveTo>
                <a:lnTo>
                  <a:pt x="5222400" y="172647"/>
                </a:lnTo>
                <a:lnTo>
                  <a:pt x="5222844" y="172647"/>
                </a:lnTo>
                <a:lnTo>
                  <a:pt x="5222844" y="172203"/>
                </a:lnTo>
                <a:close/>
                <a:moveTo>
                  <a:pt x="5099305" y="172203"/>
                </a:moveTo>
                <a:lnTo>
                  <a:pt x="5099305" y="172647"/>
                </a:lnTo>
                <a:lnTo>
                  <a:pt x="5099749" y="172647"/>
                </a:lnTo>
                <a:lnTo>
                  <a:pt x="5099749" y="172203"/>
                </a:lnTo>
                <a:close/>
                <a:moveTo>
                  <a:pt x="4976248" y="172203"/>
                </a:moveTo>
                <a:lnTo>
                  <a:pt x="4976248" y="172647"/>
                </a:lnTo>
                <a:lnTo>
                  <a:pt x="4976692" y="172647"/>
                </a:lnTo>
                <a:lnTo>
                  <a:pt x="4976692" y="172203"/>
                </a:lnTo>
                <a:close/>
                <a:moveTo>
                  <a:pt x="4853191" y="172203"/>
                </a:moveTo>
                <a:lnTo>
                  <a:pt x="4853191" y="172647"/>
                </a:lnTo>
                <a:lnTo>
                  <a:pt x="4853636" y="172647"/>
                </a:lnTo>
                <a:lnTo>
                  <a:pt x="4853636" y="172203"/>
                </a:lnTo>
                <a:close/>
                <a:moveTo>
                  <a:pt x="4730133" y="172203"/>
                </a:moveTo>
                <a:lnTo>
                  <a:pt x="4730133" y="172648"/>
                </a:lnTo>
                <a:lnTo>
                  <a:pt x="4730578" y="172648"/>
                </a:lnTo>
                <a:lnTo>
                  <a:pt x="4730578" y="172203"/>
                </a:lnTo>
                <a:close/>
                <a:moveTo>
                  <a:pt x="3991567" y="171981"/>
                </a:moveTo>
                <a:lnTo>
                  <a:pt x="3991567" y="172833"/>
                </a:lnTo>
                <a:lnTo>
                  <a:pt x="3992419" y="172833"/>
                </a:lnTo>
                <a:lnTo>
                  <a:pt x="3992419" y="171981"/>
                </a:lnTo>
                <a:close/>
                <a:moveTo>
                  <a:pt x="3868510" y="171981"/>
                </a:moveTo>
                <a:lnTo>
                  <a:pt x="3868510" y="172833"/>
                </a:lnTo>
                <a:lnTo>
                  <a:pt x="3869362" y="172833"/>
                </a:lnTo>
                <a:lnTo>
                  <a:pt x="3869362" y="171981"/>
                </a:lnTo>
                <a:close/>
                <a:moveTo>
                  <a:pt x="3745230" y="171759"/>
                </a:moveTo>
                <a:lnTo>
                  <a:pt x="3745230" y="173055"/>
                </a:lnTo>
                <a:lnTo>
                  <a:pt x="3746526" y="173055"/>
                </a:lnTo>
                <a:lnTo>
                  <a:pt x="3746526" y="171759"/>
                </a:lnTo>
                <a:close/>
                <a:moveTo>
                  <a:pt x="3621729" y="171314"/>
                </a:moveTo>
                <a:lnTo>
                  <a:pt x="3621729" y="173499"/>
                </a:lnTo>
                <a:lnTo>
                  <a:pt x="3623914" y="173499"/>
                </a:lnTo>
                <a:lnTo>
                  <a:pt x="3623914" y="171314"/>
                </a:lnTo>
                <a:close/>
                <a:moveTo>
                  <a:pt x="3498227" y="170907"/>
                </a:moveTo>
                <a:lnTo>
                  <a:pt x="3498227" y="173944"/>
                </a:lnTo>
                <a:lnTo>
                  <a:pt x="3501264" y="173944"/>
                </a:lnTo>
                <a:lnTo>
                  <a:pt x="3501264" y="170907"/>
                </a:lnTo>
                <a:close/>
                <a:moveTo>
                  <a:pt x="3374540" y="170240"/>
                </a:moveTo>
                <a:lnTo>
                  <a:pt x="3374540" y="174573"/>
                </a:lnTo>
                <a:lnTo>
                  <a:pt x="3378873" y="174573"/>
                </a:lnTo>
                <a:lnTo>
                  <a:pt x="3378873" y="170240"/>
                </a:lnTo>
                <a:close/>
                <a:moveTo>
                  <a:pt x="3250594" y="169389"/>
                </a:moveTo>
                <a:lnTo>
                  <a:pt x="3250594" y="175462"/>
                </a:lnTo>
                <a:lnTo>
                  <a:pt x="3256667" y="175462"/>
                </a:lnTo>
                <a:lnTo>
                  <a:pt x="3256667" y="169389"/>
                </a:lnTo>
                <a:close/>
                <a:moveTo>
                  <a:pt x="3126685" y="168500"/>
                </a:moveTo>
                <a:lnTo>
                  <a:pt x="3126685" y="176314"/>
                </a:lnTo>
                <a:lnTo>
                  <a:pt x="3134499" y="176314"/>
                </a:lnTo>
                <a:lnTo>
                  <a:pt x="3134499" y="168500"/>
                </a:lnTo>
                <a:close/>
                <a:moveTo>
                  <a:pt x="3002295" y="167205"/>
                </a:moveTo>
                <a:lnTo>
                  <a:pt x="3002295" y="177611"/>
                </a:lnTo>
                <a:lnTo>
                  <a:pt x="3012701" y="177611"/>
                </a:lnTo>
                <a:lnTo>
                  <a:pt x="3012701" y="167205"/>
                </a:lnTo>
                <a:close/>
                <a:moveTo>
                  <a:pt x="2877941" y="165908"/>
                </a:moveTo>
                <a:lnTo>
                  <a:pt x="2877941" y="178944"/>
                </a:lnTo>
                <a:lnTo>
                  <a:pt x="2890976" y="178944"/>
                </a:lnTo>
                <a:lnTo>
                  <a:pt x="2890976" y="165908"/>
                </a:lnTo>
                <a:close/>
                <a:moveTo>
                  <a:pt x="2753143" y="164169"/>
                </a:moveTo>
                <a:lnTo>
                  <a:pt x="2753143" y="180685"/>
                </a:lnTo>
                <a:lnTo>
                  <a:pt x="2769659" y="180685"/>
                </a:lnTo>
                <a:lnTo>
                  <a:pt x="2769659" y="164169"/>
                </a:lnTo>
                <a:close/>
                <a:moveTo>
                  <a:pt x="2628123" y="162206"/>
                </a:moveTo>
                <a:lnTo>
                  <a:pt x="2628123" y="182610"/>
                </a:lnTo>
                <a:lnTo>
                  <a:pt x="2648528" y="182610"/>
                </a:lnTo>
                <a:lnTo>
                  <a:pt x="2648528" y="162206"/>
                </a:lnTo>
                <a:close/>
                <a:moveTo>
                  <a:pt x="2502881" y="160021"/>
                </a:moveTo>
                <a:lnTo>
                  <a:pt x="2502881" y="184795"/>
                </a:lnTo>
                <a:lnTo>
                  <a:pt x="2527655" y="184795"/>
                </a:lnTo>
                <a:lnTo>
                  <a:pt x="2527655" y="160021"/>
                </a:lnTo>
                <a:close/>
                <a:moveTo>
                  <a:pt x="2377454" y="157614"/>
                </a:moveTo>
                <a:lnTo>
                  <a:pt x="2377454" y="187165"/>
                </a:lnTo>
                <a:lnTo>
                  <a:pt x="2407005" y="187165"/>
                </a:lnTo>
                <a:lnTo>
                  <a:pt x="2407005" y="157614"/>
                </a:lnTo>
                <a:close/>
                <a:moveTo>
                  <a:pt x="2251767" y="155059"/>
                </a:moveTo>
                <a:lnTo>
                  <a:pt x="2251767" y="189795"/>
                </a:lnTo>
                <a:lnTo>
                  <a:pt x="2286503" y="189795"/>
                </a:lnTo>
                <a:lnTo>
                  <a:pt x="2286503" y="155059"/>
                </a:lnTo>
                <a:close/>
                <a:moveTo>
                  <a:pt x="2125895" y="152207"/>
                </a:moveTo>
                <a:lnTo>
                  <a:pt x="2125895" y="192609"/>
                </a:lnTo>
                <a:lnTo>
                  <a:pt x="2166297" y="192609"/>
                </a:lnTo>
                <a:lnTo>
                  <a:pt x="2166297" y="152207"/>
                </a:lnTo>
                <a:close/>
                <a:moveTo>
                  <a:pt x="2000024" y="149392"/>
                </a:moveTo>
                <a:lnTo>
                  <a:pt x="2000024" y="195423"/>
                </a:lnTo>
                <a:lnTo>
                  <a:pt x="2046055" y="195423"/>
                </a:lnTo>
                <a:lnTo>
                  <a:pt x="2046055" y="149392"/>
                </a:lnTo>
                <a:close/>
                <a:moveTo>
                  <a:pt x="1873930" y="146356"/>
                </a:moveTo>
                <a:lnTo>
                  <a:pt x="1873930" y="198460"/>
                </a:lnTo>
                <a:lnTo>
                  <a:pt x="1926034" y="198460"/>
                </a:lnTo>
                <a:lnTo>
                  <a:pt x="1926034" y="146356"/>
                </a:lnTo>
                <a:close/>
                <a:moveTo>
                  <a:pt x="1747799" y="143283"/>
                </a:moveTo>
                <a:lnTo>
                  <a:pt x="1747799" y="201497"/>
                </a:lnTo>
                <a:lnTo>
                  <a:pt x="1806013" y="201497"/>
                </a:lnTo>
                <a:lnTo>
                  <a:pt x="1806013" y="143283"/>
                </a:lnTo>
                <a:close/>
                <a:moveTo>
                  <a:pt x="1621482" y="140023"/>
                </a:moveTo>
                <a:lnTo>
                  <a:pt x="1621482" y="204755"/>
                </a:lnTo>
                <a:lnTo>
                  <a:pt x="1686214" y="204755"/>
                </a:lnTo>
                <a:lnTo>
                  <a:pt x="1686214" y="140023"/>
                </a:lnTo>
                <a:close/>
                <a:moveTo>
                  <a:pt x="1495389" y="137025"/>
                </a:moveTo>
                <a:lnTo>
                  <a:pt x="1495389" y="207829"/>
                </a:lnTo>
                <a:lnTo>
                  <a:pt x="1566194" y="207829"/>
                </a:lnTo>
                <a:lnTo>
                  <a:pt x="1566194" y="137025"/>
                </a:lnTo>
                <a:close/>
                <a:moveTo>
                  <a:pt x="1369517" y="134211"/>
                </a:moveTo>
                <a:lnTo>
                  <a:pt x="1369517" y="210645"/>
                </a:lnTo>
                <a:lnTo>
                  <a:pt x="1445951" y="210645"/>
                </a:lnTo>
                <a:lnTo>
                  <a:pt x="1445951" y="134211"/>
                </a:lnTo>
                <a:close/>
                <a:moveTo>
                  <a:pt x="1243645" y="131359"/>
                </a:moveTo>
                <a:lnTo>
                  <a:pt x="1243645" y="213459"/>
                </a:lnTo>
                <a:lnTo>
                  <a:pt x="1325745" y="213459"/>
                </a:lnTo>
                <a:lnTo>
                  <a:pt x="1325745" y="131359"/>
                </a:lnTo>
                <a:close/>
                <a:moveTo>
                  <a:pt x="1117958" y="128767"/>
                </a:moveTo>
                <a:lnTo>
                  <a:pt x="1117958" y="216051"/>
                </a:lnTo>
                <a:lnTo>
                  <a:pt x="1205243" y="216051"/>
                </a:lnTo>
                <a:lnTo>
                  <a:pt x="1205243" y="128767"/>
                </a:lnTo>
                <a:close/>
                <a:moveTo>
                  <a:pt x="992531" y="126396"/>
                </a:moveTo>
                <a:lnTo>
                  <a:pt x="992531" y="218458"/>
                </a:lnTo>
                <a:lnTo>
                  <a:pt x="1084592" y="218458"/>
                </a:lnTo>
                <a:lnTo>
                  <a:pt x="1084592" y="126396"/>
                </a:lnTo>
                <a:close/>
                <a:moveTo>
                  <a:pt x="867289" y="124211"/>
                </a:moveTo>
                <a:lnTo>
                  <a:pt x="867289" y="220643"/>
                </a:lnTo>
                <a:lnTo>
                  <a:pt x="963720" y="220643"/>
                </a:lnTo>
                <a:lnTo>
                  <a:pt x="963720" y="124211"/>
                </a:lnTo>
                <a:close/>
                <a:moveTo>
                  <a:pt x="742491" y="122435"/>
                </a:moveTo>
                <a:lnTo>
                  <a:pt x="742491" y="222347"/>
                </a:lnTo>
                <a:lnTo>
                  <a:pt x="842403" y="222347"/>
                </a:lnTo>
                <a:lnTo>
                  <a:pt x="842403" y="122435"/>
                </a:lnTo>
                <a:close/>
                <a:moveTo>
                  <a:pt x="617693" y="120731"/>
                </a:moveTo>
                <a:lnTo>
                  <a:pt x="617693" y="224087"/>
                </a:lnTo>
                <a:lnTo>
                  <a:pt x="721049" y="224087"/>
                </a:lnTo>
                <a:lnTo>
                  <a:pt x="721049" y="120731"/>
                </a:lnTo>
                <a:close/>
                <a:moveTo>
                  <a:pt x="493525" y="119657"/>
                </a:moveTo>
                <a:lnTo>
                  <a:pt x="493525" y="225198"/>
                </a:lnTo>
                <a:lnTo>
                  <a:pt x="599066" y="225198"/>
                </a:lnTo>
                <a:lnTo>
                  <a:pt x="599066" y="119657"/>
                </a:lnTo>
                <a:close/>
                <a:moveTo>
                  <a:pt x="369394" y="118546"/>
                </a:moveTo>
                <a:lnTo>
                  <a:pt x="369394" y="226272"/>
                </a:lnTo>
                <a:lnTo>
                  <a:pt x="477120" y="226272"/>
                </a:lnTo>
                <a:lnTo>
                  <a:pt x="477120" y="118546"/>
                </a:lnTo>
                <a:close/>
                <a:moveTo>
                  <a:pt x="245670" y="117917"/>
                </a:moveTo>
                <a:lnTo>
                  <a:pt x="245670" y="226939"/>
                </a:lnTo>
                <a:lnTo>
                  <a:pt x="354692" y="226939"/>
                </a:lnTo>
                <a:lnTo>
                  <a:pt x="354692" y="117917"/>
                </a:lnTo>
                <a:close/>
                <a:moveTo>
                  <a:pt x="121983" y="117250"/>
                </a:moveTo>
                <a:lnTo>
                  <a:pt x="121983" y="227568"/>
                </a:lnTo>
                <a:lnTo>
                  <a:pt x="232301" y="227568"/>
                </a:lnTo>
                <a:lnTo>
                  <a:pt x="232301" y="117250"/>
                </a:lnTo>
                <a:close/>
                <a:moveTo>
                  <a:pt x="4976248" y="49105"/>
                </a:moveTo>
                <a:lnTo>
                  <a:pt x="4976248" y="49549"/>
                </a:lnTo>
                <a:lnTo>
                  <a:pt x="4976692" y="49549"/>
                </a:lnTo>
                <a:lnTo>
                  <a:pt x="4976692" y="49105"/>
                </a:lnTo>
                <a:close/>
                <a:moveTo>
                  <a:pt x="4853191" y="49105"/>
                </a:moveTo>
                <a:lnTo>
                  <a:pt x="4853191" y="49549"/>
                </a:lnTo>
                <a:lnTo>
                  <a:pt x="4853636" y="49549"/>
                </a:lnTo>
                <a:lnTo>
                  <a:pt x="4853636" y="49105"/>
                </a:lnTo>
                <a:close/>
                <a:moveTo>
                  <a:pt x="4730133" y="49105"/>
                </a:moveTo>
                <a:lnTo>
                  <a:pt x="4730133" y="49549"/>
                </a:lnTo>
                <a:lnTo>
                  <a:pt x="4730578" y="49549"/>
                </a:lnTo>
                <a:lnTo>
                  <a:pt x="4730578" y="49105"/>
                </a:lnTo>
                <a:close/>
                <a:moveTo>
                  <a:pt x="4484019" y="49105"/>
                </a:moveTo>
                <a:lnTo>
                  <a:pt x="4484019" y="49549"/>
                </a:lnTo>
                <a:lnTo>
                  <a:pt x="4484463" y="49549"/>
                </a:lnTo>
                <a:lnTo>
                  <a:pt x="4484463" y="49105"/>
                </a:lnTo>
                <a:close/>
                <a:moveTo>
                  <a:pt x="4360961" y="49105"/>
                </a:moveTo>
                <a:lnTo>
                  <a:pt x="4360961" y="49549"/>
                </a:lnTo>
                <a:lnTo>
                  <a:pt x="4361405" y="49549"/>
                </a:lnTo>
                <a:lnTo>
                  <a:pt x="4361405" y="49105"/>
                </a:lnTo>
                <a:close/>
                <a:moveTo>
                  <a:pt x="4237904" y="49105"/>
                </a:moveTo>
                <a:lnTo>
                  <a:pt x="4237904" y="49549"/>
                </a:lnTo>
                <a:lnTo>
                  <a:pt x="4238348" y="49549"/>
                </a:lnTo>
                <a:lnTo>
                  <a:pt x="4238348" y="49105"/>
                </a:lnTo>
                <a:close/>
                <a:moveTo>
                  <a:pt x="4114847" y="49105"/>
                </a:moveTo>
                <a:lnTo>
                  <a:pt x="4114847" y="49549"/>
                </a:lnTo>
                <a:lnTo>
                  <a:pt x="4115291" y="49549"/>
                </a:lnTo>
                <a:lnTo>
                  <a:pt x="4115291" y="49105"/>
                </a:lnTo>
                <a:close/>
                <a:moveTo>
                  <a:pt x="3991789" y="49105"/>
                </a:moveTo>
                <a:lnTo>
                  <a:pt x="3991789" y="49549"/>
                </a:lnTo>
                <a:lnTo>
                  <a:pt x="3992234" y="49549"/>
                </a:lnTo>
                <a:lnTo>
                  <a:pt x="3992234" y="49105"/>
                </a:lnTo>
                <a:close/>
                <a:moveTo>
                  <a:pt x="5714629" y="49104"/>
                </a:moveTo>
                <a:lnTo>
                  <a:pt x="5714629" y="49548"/>
                </a:lnTo>
                <a:lnTo>
                  <a:pt x="5715073" y="49548"/>
                </a:lnTo>
                <a:lnTo>
                  <a:pt x="5715073" y="49104"/>
                </a:lnTo>
                <a:close/>
                <a:moveTo>
                  <a:pt x="5591572" y="49104"/>
                </a:moveTo>
                <a:lnTo>
                  <a:pt x="5591572" y="49548"/>
                </a:lnTo>
                <a:lnTo>
                  <a:pt x="5592017" y="49548"/>
                </a:lnTo>
                <a:lnTo>
                  <a:pt x="5592017" y="49104"/>
                </a:lnTo>
                <a:close/>
                <a:moveTo>
                  <a:pt x="5468514" y="49104"/>
                </a:moveTo>
                <a:lnTo>
                  <a:pt x="5468514" y="49548"/>
                </a:lnTo>
                <a:lnTo>
                  <a:pt x="5468958" y="49548"/>
                </a:lnTo>
                <a:lnTo>
                  <a:pt x="5468958" y="49104"/>
                </a:lnTo>
                <a:close/>
                <a:moveTo>
                  <a:pt x="5345457" y="49104"/>
                </a:moveTo>
                <a:lnTo>
                  <a:pt x="5345457" y="49548"/>
                </a:lnTo>
                <a:lnTo>
                  <a:pt x="5345901" y="49548"/>
                </a:lnTo>
                <a:lnTo>
                  <a:pt x="5345901" y="49104"/>
                </a:lnTo>
                <a:close/>
                <a:moveTo>
                  <a:pt x="5222400" y="49104"/>
                </a:moveTo>
                <a:lnTo>
                  <a:pt x="5222400" y="49548"/>
                </a:lnTo>
                <a:lnTo>
                  <a:pt x="5222844" y="49548"/>
                </a:lnTo>
                <a:lnTo>
                  <a:pt x="5222844" y="49104"/>
                </a:lnTo>
                <a:close/>
                <a:moveTo>
                  <a:pt x="5099305" y="49104"/>
                </a:moveTo>
                <a:lnTo>
                  <a:pt x="5099305" y="49548"/>
                </a:lnTo>
                <a:lnTo>
                  <a:pt x="5099749" y="49548"/>
                </a:lnTo>
                <a:lnTo>
                  <a:pt x="5099749" y="49104"/>
                </a:lnTo>
                <a:close/>
                <a:moveTo>
                  <a:pt x="3868510" y="48920"/>
                </a:moveTo>
                <a:lnTo>
                  <a:pt x="3868510" y="49772"/>
                </a:lnTo>
                <a:lnTo>
                  <a:pt x="3869362" y="49772"/>
                </a:lnTo>
                <a:lnTo>
                  <a:pt x="3869362" y="48920"/>
                </a:lnTo>
                <a:close/>
                <a:moveTo>
                  <a:pt x="3745230" y="48698"/>
                </a:moveTo>
                <a:lnTo>
                  <a:pt x="3745230" y="49994"/>
                </a:lnTo>
                <a:lnTo>
                  <a:pt x="3746526" y="49994"/>
                </a:lnTo>
                <a:lnTo>
                  <a:pt x="3746526" y="48698"/>
                </a:lnTo>
                <a:close/>
                <a:moveTo>
                  <a:pt x="3621729" y="48253"/>
                </a:moveTo>
                <a:lnTo>
                  <a:pt x="3621729" y="50438"/>
                </a:lnTo>
                <a:lnTo>
                  <a:pt x="3623914" y="50438"/>
                </a:lnTo>
                <a:lnTo>
                  <a:pt x="3623914" y="48253"/>
                </a:lnTo>
                <a:close/>
                <a:moveTo>
                  <a:pt x="3498227" y="47847"/>
                </a:moveTo>
                <a:lnTo>
                  <a:pt x="3498227" y="50883"/>
                </a:lnTo>
                <a:lnTo>
                  <a:pt x="3501264" y="50883"/>
                </a:lnTo>
                <a:lnTo>
                  <a:pt x="3501264" y="47847"/>
                </a:lnTo>
                <a:close/>
                <a:moveTo>
                  <a:pt x="3374540" y="47180"/>
                </a:moveTo>
                <a:lnTo>
                  <a:pt x="3374540" y="51513"/>
                </a:lnTo>
                <a:lnTo>
                  <a:pt x="3378873" y="51513"/>
                </a:lnTo>
                <a:lnTo>
                  <a:pt x="3378873" y="47180"/>
                </a:lnTo>
                <a:close/>
                <a:moveTo>
                  <a:pt x="3250816" y="46551"/>
                </a:moveTo>
                <a:lnTo>
                  <a:pt x="3250816" y="52180"/>
                </a:lnTo>
                <a:lnTo>
                  <a:pt x="3256445" y="52180"/>
                </a:lnTo>
                <a:lnTo>
                  <a:pt x="3256445" y="46551"/>
                </a:lnTo>
                <a:close/>
                <a:moveTo>
                  <a:pt x="3126870" y="45661"/>
                </a:moveTo>
                <a:lnTo>
                  <a:pt x="3126870" y="53031"/>
                </a:lnTo>
                <a:lnTo>
                  <a:pt x="3134239" y="53031"/>
                </a:lnTo>
                <a:lnTo>
                  <a:pt x="3134239" y="45661"/>
                </a:lnTo>
                <a:close/>
                <a:moveTo>
                  <a:pt x="3002517" y="44329"/>
                </a:moveTo>
                <a:lnTo>
                  <a:pt x="3002517" y="54327"/>
                </a:lnTo>
                <a:lnTo>
                  <a:pt x="3012516" y="54327"/>
                </a:lnTo>
                <a:lnTo>
                  <a:pt x="3012516" y="44329"/>
                </a:lnTo>
                <a:close/>
                <a:moveTo>
                  <a:pt x="2878385" y="43291"/>
                </a:moveTo>
                <a:lnTo>
                  <a:pt x="2878385" y="55438"/>
                </a:lnTo>
                <a:lnTo>
                  <a:pt x="2890532" y="55438"/>
                </a:lnTo>
                <a:lnTo>
                  <a:pt x="2890532" y="43291"/>
                </a:lnTo>
                <a:close/>
                <a:moveTo>
                  <a:pt x="2753588" y="41551"/>
                </a:moveTo>
                <a:lnTo>
                  <a:pt x="2753588" y="57179"/>
                </a:lnTo>
                <a:lnTo>
                  <a:pt x="2769215" y="57179"/>
                </a:lnTo>
                <a:lnTo>
                  <a:pt x="2769215" y="41551"/>
                </a:lnTo>
                <a:close/>
                <a:moveTo>
                  <a:pt x="2628790" y="39810"/>
                </a:moveTo>
                <a:lnTo>
                  <a:pt x="2628790" y="58919"/>
                </a:lnTo>
                <a:lnTo>
                  <a:pt x="2647898" y="58919"/>
                </a:lnTo>
                <a:lnTo>
                  <a:pt x="2647898" y="39810"/>
                </a:lnTo>
                <a:close/>
                <a:moveTo>
                  <a:pt x="2503770" y="37811"/>
                </a:moveTo>
                <a:lnTo>
                  <a:pt x="2503770" y="60845"/>
                </a:lnTo>
                <a:lnTo>
                  <a:pt x="2526804" y="60845"/>
                </a:lnTo>
                <a:lnTo>
                  <a:pt x="2526804" y="37811"/>
                </a:lnTo>
                <a:close/>
                <a:moveTo>
                  <a:pt x="2378305" y="35441"/>
                </a:moveTo>
                <a:lnTo>
                  <a:pt x="2378305" y="63252"/>
                </a:lnTo>
                <a:lnTo>
                  <a:pt x="2406116" y="63252"/>
                </a:lnTo>
                <a:lnTo>
                  <a:pt x="2406116" y="35441"/>
                </a:lnTo>
                <a:close/>
                <a:moveTo>
                  <a:pt x="2253100" y="33293"/>
                </a:moveTo>
                <a:lnTo>
                  <a:pt x="2253100" y="65437"/>
                </a:lnTo>
                <a:lnTo>
                  <a:pt x="2285244" y="65437"/>
                </a:lnTo>
                <a:lnTo>
                  <a:pt x="2285244" y="33293"/>
                </a:lnTo>
                <a:close/>
                <a:moveTo>
                  <a:pt x="2127414" y="30664"/>
                </a:moveTo>
                <a:lnTo>
                  <a:pt x="2127414" y="68029"/>
                </a:lnTo>
                <a:lnTo>
                  <a:pt x="2164779" y="68029"/>
                </a:lnTo>
                <a:lnTo>
                  <a:pt x="2164779" y="30664"/>
                </a:lnTo>
                <a:close/>
                <a:moveTo>
                  <a:pt x="2001764" y="28073"/>
                </a:moveTo>
                <a:lnTo>
                  <a:pt x="2001764" y="70623"/>
                </a:lnTo>
                <a:lnTo>
                  <a:pt x="2044314" y="70623"/>
                </a:lnTo>
                <a:lnTo>
                  <a:pt x="2044314" y="28073"/>
                </a:lnTo>
                <a:close/>
                <a:moveTo>
                  <a:pt x="1875855" y="25258"/>
                </a:moveTo>
                <a:lnTo>
                  <a:pt x="1875855" y="73474"/>
                </a:lnTo>
                <a:lnTo>
                  <a:pt x="1924071" y="73474"/>
                </a:lnTo>
                <a:lnTo>
                  <a:pt x="1924071" y="25258"/>
                </a:lnTo>
                <a:close/>
                <a:moveTo>
                  <a:pt x="1749984" y="22443"/>
                </a:moveTo>
                <a:lnTo>
                  <a:pt x="1749984" y="76288"/>
                </a:lnTo>
                <a:lnTo>
                  <a:pt x="1803829" y="76288"/>
                </a:lnTo>
                <a:lnTo>
                  <a:pt x="1803829" y="22443"/>
                </a:lnTo>
                <a:close/>
                <a:moveTo>
                  <a:pt x="1624112" y="19593"/>
                </a:moveTo>
                <a:lnTo>
                  <a:pt x="1624112" y="79103"/>
                </a:lnTo>
                <a:lnTo>
                  <a:pt x="1683622" y="79103"/>
                </a:lnTo>
                <a:lnTo>
                  <a:pt x="1683622" y="19593"/>
                </a:lnTo>
                <a:close/>
                <a:moveTo>
                  <a:pt x="1498203" y="16778"/>
                </a:moveTo>
                <a:lnTo>
                  <a:pt x="1498203" y="81917"/>
                </a:lnTo>
                <a:lnTo>
                  <a:pt x="1563342" y="81917"/>
                </a:lnTo>
                <a:lnTo>
                  <a:pt x="1563342" y="16778"/>
                </a:lnTo>
                <a:close/>
                <a:moveTo>
                  <a:pt x="1372331" y="13927"/>
                </a:moveTo>
                <a:lnTo>
                  <a:pt x="1372331" y="84732"/>
                </a:lnTo>
                <a:lnTo>
                  <a:pt x="1443136" y="84732"/>
                </a:lnTo>
                <a:lnTo>
                  <a:pt x="1443136" y="13927"/>
                </a:lnTo>
                <a:close/>
                <a:moveTo>
                  <a:pt x="1246682" y="11371"/>
                </a:moveTo>
                <a:lnTo>
                  <a:pt x="1246682" y="87361"/>
                </a:lnTo>
                <a:lnTo>
                  <a:pt x="1322672" y="87361"/>
                </a:lnTo>
                <a:lnTo>
                  <a:pt x="1322672" y="11371"/>
                </a:lnTo>
                <a:close/>
                <a:moveTo>
                  <a:pt x="1121217" y="8927"/>
                </a:moveTo>
                <a:lnTo>
                  <a:pt x="1121217" y="89731"/>
                </a:lnTo>
                <a:lnTo>
                  <a:pt x="1202021" y="89731"/>
                </a:lnTo>
                <a:lnTo>
                  <a:pt x="1202021" y="8927"/>
                </a:lnTo>
                <a:close/>
                <a:moveTo>
                  <a:pt x="995975" y="6779"/>
                </a:moveTo>
                <a:lnTo>
                  <a:pt x="995975" y="91916"/>
                </a:lnTo>
                <a:lnTo>
                  <a:pt x="1081112" y="91916"/>
                </a:lnTo>
                <a:lnTo>
                  <a:pt x="1081112" y="6779"/>
                </a:lnTo>
                <a:close/>
                <a:moveTo>
                  <a:pt x="870992" y="4854"/>
                </a:moveTo>
                <a:lnTo>
                  <a:pt x="870992" y="93879"/>
                </a:lnTo>
                <a:lnTo>
                  <a:pt x="960017" y="93879"/>
                </a:lnTo>
                <a:lnTo>
                  <a:pt x="960017" y="4854"/>
                </a:lnTo>
                <a:close/>
                <a:moveTo>
                  <a:pt x="746379" y="3336"/>
                </a:moveTo>
                <a:lnTo>
                  <a:pt x="746379" y="95397"/>
                </a:lnTo>
                <a:lnTo>
                  <a:pt x="838441" y="95397"/>
                </a:lnTo>
                <a:lnTo>
                  <a:pt x="838441" y="3336"/>
                </a:lnTo>
                <a:close/>
                <a:moveTo>
                  <a:pt x="621804" y="1780"/>
                </a:moveTo>
                <a:lnTo>
                  <a:pt x="621804" y="96915"/>
                </a:lnTo>
                <a:lnTo>
                  <a:pt x="716939" y="96915"/>
                </a:lnTo>
                <a:lnTo>
                  <a:pt x="716939" y="1780"/>
                </a:lnTo>
                <a:close/>
                <a:moveTo>
                  <a:pt x="497450" y="485"/>
                </a:moveTo>
                <a:lnTo>
                  <a:pt x="497450" y="98211"/>
                </a:lnTo>
                <a:lnTo>
                  <a:pt x="595177" y="98211"/>
                </a:lnTo>
                <a:lnTo>
                  <a:pt x="595177" y="485"/>
                </a:lnTo>
                <a:close/>
                <a:moveTo>
                  <a:pt x="0" y="0"/>
                </a:moveTo>
                <a:lnTo>
                  <a:pt x="4110" y="0"/>
                </a:lnTo>
                <a:lnTo>
                  <a:pt x="4110" y="99286"/>
                </a:lnTo>
                <a:lnTo>
                  <a:pt x="104022" y="99286"/>
                </a:lnTo>
                <a:lnTo>
                  <a:pt x="104022" y="0"/>
                </a:lnTo>
                <a:lnTo>
                  <a:pt x="126316" y="0"/>
                </a:lnTo>
                <a:lnTo>
                  <a:pt x="126316" y="100175"/>
                </a:lnTo>
                <a:lnTo>
                  <a:pt x="227932" y="100175"/>
                </a:lnTo>
                <a:lnTo>
                  <a:pt x="227932" y="0"/>
                </a:lnTo>
                <a:lnTo>
                  <a:pt x="249817" y="0"/>
                </a:lnTo>
                <a:lnTo>
                  <a:pt x="249817" y="99731"/>
                </a:lnTo>
                <a:lnTo>
                  <a:pt x="350581" y="99731"/>
                </a:lnTo>
                <a:lnTo>
                  <a:pt x="350581" y="0"/>
                </a:lnTo>
                <a:lnTo>
                  <a:pt x="373541" y="0"/>
                </a:lnTo>
                <a:lnTo>
                  <a:pt x="373541" y="99101"/>
                </a:lnTo>
                <a:lnTo>
                  <a:pt x="473009" y="99101"/>
                </a:lnTo>
                <a:lnTo>
                  <a:pt x="473009" y="0"/>
                </a:lnTo>
                <a:lnTo>
                  <a:pt x="6858000" y="0"/>
                </a:lnTo>
                <a:lnTo>
                  <a:pt x="6858000" y="6858000"/>
                </a:lnTo>
                <a:lnTo>
                  <a:pt x="0" y="6858000"/>
                </a:lnTo>
                <a:lnTo>
                  <a:pt x="0" y="1334076"/>
                </a:lnTo>
                <a:lnTo>
                  <a:pt x="108133" y="1334076"/>
                </a:lnTo>
                <a:lnTo>
                  <a:pt x="108133" y="1225940"/>
                </a:lnTo>
                <a:lnTo>
                  <a:pt x="0" y="1225940"/>
                </a:lnTo>
                <a:lnTo>
                  <a:pt x="0" y="1210979"/>
                </a:lnTo>
                <a:lnTo>
                  <a:pt x="108133" y="1210979"/>
                </a:lnTo>
                <a:lnTo>
                  <a:pt x="108133" y="1102847"/>
                </a:lnTo>
                <a:lnTo>
                  <a:pt x="0" y="1102847"/>
                </a:lnTo>
                <a:lnTo>
                  <a:pt x="0" y="1087922"/>
                </a:lnTo>
                <a:lnTo>
                  <a:pt x="108133" y="1087922"/>
                </a:lnTo>
                <a:lnTo>
                  <a:pt x="108133" y="979786"/>
                </a:lnTo>
                <a:lnTo>
                  <a:pt x="0" y="979786"/>
                </a:lnTo>
                <a:lnTo>
                  <a:pt x="0" y="964857"/>
                </a:lnTo>
                <a:lnTo>
                  <a:pt x="108133" y="964857"/>
                </a:lnTo>
                <a:lnTo>
                  <a:pt x="108133" y="856724"/>
                </a:lnTo>
                <a:lnTo>
                  <a:pt x="0" y="856724"/>
                </a:lnTo>
                <a:lnTo>
                  <a:pt x="0" y="841797"/>
                </a:lnTo>
                <a:lnTo>
                  <a:pt x="108133" y="841797"/>
                </a:lnTo>
                <a:lnTo>
                  <a:pt x="108133" y="733664"/>
                </a:lnTo>
                <a:lnTo>
                  <a:pt x="0" y="733664"/>
                </a:lnTo>
                <a:lnTo>
                  <a:pt x="0" y="718737"/>
                </a:lnTo>
                <a:lnTo>
                  <a:pt x="108133" y="718737"/>
                </a:lnTo>
                <a:lnTo>
                  <a:pt x="108133" y="610604"/>
                </a:lnTo>
                <a:lnTo>
                  <a:pt x="0" y="610604"/>
                </a:lnTo>
                <a:lnTo>
                  <a:pt x="0" y="595676"/>
                </a:lnTo>
                <a:lnTo>
                  <a:pt x="108133" y="595676"/>
                </a:lnTo>
                <a:lnTo>
                  <a:pt x="108133" y="487543"/>
                </a:lnTo>
                <a:lnTo>
                  <a:pt x="0" y="487543"/>
                </a:lnTo>
                <a:lnTo>
                  <a:pt x="0" y="472616"/>
                </a:lnTo>
                <a:lnTo>
                  <a:pt x="108133" y="472616"/>
                </a:lnTo>
                <a:lnTo>
                  <a:pt x="108133" y="364483"/>
                </a:lnTo>
                <a:lnTo>
                  <a:pt x="0" y="364483"/>
                </a:lnTo>
                <a:lnTo>
                  <a:pt x="0" y="349556"/>
                </a:lnTo>
                <a:lnTo>
                  <a:pt x="108133" y="349556"/>
                </a:lnTo>
                <a:lnTo>
                  <a:pt x="108133" y="241423"/>
                </a:lnTo>
                <a:lnTo>
                  <a:pt x="0" y="241423"/>
                </a:lnTo>
                <a:lnTo>
                  <a:pt x="0" y="226495"/>
                </a:lnTo>
                <a:lnTo>
                  <a:pt x="108133" y="226495"/>
                </a:lnTo>
                <a:lnTo>
                  <a:pt x="108133" y="118362"/>
                </a:lnTo>
                <a:lnTo>
                  <a:pt x="0" y="118362"/>
                </a:lnTo>
                <a:close/>
              </a:path>
            </a:pathLst>
          </a:custGeom>
          <a:solidFill>
            <a:schemeClr val="bg2"/>
          </a:solidFill>
        </p:spPr>
        <p:txBody>
          <a:bodyPr wrap="square" lIns="72000" tIns="36000" rIns="72000" bIns="36000" anchor="b" anchorCtr="0">
            <a:noAutofit/>
          </a:bodyPr>
          <a:lstStyle>
            <a:lvl1pPr marL="0" indent="0" algn="ctr">
              <a:buNone/>
              <a:defRPr>
                <a:solidFill>
                  <a:schemeClr val="tx2"/>
                </a:solidFill>
              </a:defRPr>
            </a:lvl1pPr>
          </a:lstStyle>
          <a:p>
            <a:r>
              <a:rPr lang="sv-SE"/>
              <a:t>Klikk på plassholderen og lim inn bilde via Fotoware-ikonet i Templafy-panelet</a:t>
            </a:r>
          </a:p>
        </p:txBody>
      </p:sp>
      <p:sp>
        <p:nvSpPr>
          <p:cNvPr id="12" name="Title 1">
            <a:extLst>
              <a:ext uri="{FF2B5EF4-FFF2-40B4-BE49-F238E27FC236}">
                <a16:creationId xmlns:a16="http://schemas.microsoft.com/office/drawing/2014/main" id="{A05D8B72-DED3-F1F2-3C2F-852CE51A9402}"/>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sv-SE"/>
              <a:t>Forside tittel</a:t>
            </a:r>
            <a:br>
              <a:rPr lang="nb-NO"/>
            </a:br>
            <a:r>
              <a:rPr lang="sv-SE"/>
              <a:t>max 3 rader lång</a:t>
            </a:r>
          </a:p>
        </p:txBody>
      </p:sp>
      <p:sp>
        <p:nvSpPr>
          <p:cNvPr id="13" name="Text Placeholder 3">
            <a:extLst>
              <a:ext uri="{FF2B5EF4-FFF2-40B4-BE49-F238E27FC236}">
                <a16:creationId xmlns:a16="http://schemas.microsoft.com/office/drawing/2014/main" id="{CCC05987-278A-3BE5-31E0-04CC660B4CB5}"/>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a:t>Klikk for å legge til dato eller tekst</a:t>
            </a:r>
          </a:p>
        </p:txBody>
      </p:sp>
      <p:sp>
        <p:nvSpPr>
          <p:cNvPr id="14" name="Text Placeholder 5">
            <a:extLst>
              <a:ext uri="{FF2B5EF4-FFF2-40B4-BE49-F238E27FC236}">
                <a16:creationId xmlns:a16="http://schemas.microsoft.com/office/drawing/2014/main" id="{C57FC065-EE83-4ABC-5F27-E55DE4ED6F78}"/>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a:t>Klikk for å legge til presentatørens navn eller tekst</a:t>
            </a:r>
          </a:p>
        </p:txBody>
      </p:sp>
    </p:spTree>
    <p:extLst>
      <p:ext uri="{BB962C8B-B14F-4D97-AF65-F5344CB8AC3E}">
        <p14:creationId xmlns:p14="http://schemas.microsoft.com/office/powerpoint/2010/main" val="3378844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hf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nhold, to spalter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18D01167-EC9B-4DA1-9501-6B598D187D7B}"/>
              </a:ext>
            </a:extLst>
          </p:cNvPr>
          <p:cNvSpPr>
            <a:spLocks noGrp="1"/>
          </p:cNvSpPr>
          <p:nvPr>
            <p:ph type="dt" sz="half" idx="16"/>
          </p:nvPr>
        </p:nvSpPr>
        <p:spPr>
          <a:xfrm flipH="1">
            <a:off x="0" y="6856915"/>
            <a:ext cx="0" cy="0"/>
          </a:xfrm>
          <a:prstGeom prst="rect">
            <a:avLst/>
          </a:prstGeom>
        </p:spPr>
        <p:txBody>
          <a:bodyPr/>
          <a:lstStyle/>
          <a:p>
            <a:fld id="{EE7367A1-121C-48C2-AE43-DEB6BDA9FA74}" type="datetime3">
              <a:rPr lang="sv-SE" smtClean="0"/>
              <a:t>24-08-26</a:t>
            </a:fld>
            <a:endParaRPr lang="sv-SE"/>
          </a:p>
        </p:txBody>
      </p:sp>
      <p:sp>
        <p:nvSpPr>
          <p:cNvPr id="3" name="Footer Placeholder 2" hidden="1">
            <a:extLst>
              <a:ext uri="{FF2B5EF4-FFF2-40B4-BE49-F238E27FC236}">
                <a16:creationId xmlns:a16="http://schemas.microsoft.com/office/drawing/2014/main" id="{32FD52F3-3D07-4405-A309-88A2C9221435}"/>
              </a:ext>
            </a:extLst>
          </p:cNvPr>
          <p:cNvSpPr>
            <a:spLocks noGrp="1"/>
          </p:cNvSpPr>
          <p:nvPr>
            <p:ph type="ftr" sz="quarter" idx="17"/>
          </p:nvPr>
        </p:nvSpPr>
        <p:spPr/>
        <p:txBody>
          <a:bodyPr/>
          <a:lstStyle/>
          <a:p>
            <a:endParaRPr lang="sv-SE"/>
          </a:p>
        </p:txBody>
      </p:sp>
      <p:sp>
        <p:nvSpPr>
          <p:cNvPr id="9" name="Title 1">
            <a:extLst>
              <a:ext uri="{FF2B5EF4-FFF2-40B4-BE49-F238E27FC236}">
                <a16:creationId xmlns:a16="http://schemas.microsoft.com/office/drawing/2014/main" id="{BA4BF28F-B8B2-1ABB-2C7C-9FA0E9EEAB77}"/>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1" name="Subtitle 2">
            <a:extLst>
              <a:ext uri="{FF2B5EF4-FFF2-40B4-BE49-F238E27FC236}">
                <a16:creationId xmlns:a16="http://schemas.microsoft.com/office/drawing/2014/main" id="{FFBF8B23-FC9B-BE3C-B245-42CB1CB61455}"/>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0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5281613" y="1933200"/>
            <a:ext cx="6370386"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8DD8C7AD-77F6-49A8-8B9B-5866599705B9}"/>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2277214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nhold, to spalt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3F0A005-BFE9-4FDE-82F2-85A3EEBFC4D0}"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9" name="Title 1">
            <a:extLst>
              <a:ext uri="{FF2B5EF4-FFF2-40B4-BE49-F238E27FC236}">
                <a16:creationId xmlns:a16="http://schemas.microsoft.com/office/drawing/2014/main" id="{3F56B895-A601-C316-3FE9-FDAFC6641312}"/>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1" name="Subtitle 2">
            <a:extLst>
              <a:ext uri="{FF2B5EF4-FFF2-40B4-BE49-F238E27FC236}">
                <a16:creationId xmlns:a16="http://schemas.microsoft.com/office/drawing/2014/main" id="{FF832C59-83BE-60CE-D18C-68E2199885E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6372000" cy="4107600"/>
          </a:xfrm>
        </p:spPr>
        <p:txBody>
          <a:bodyPr/>
          <a:lstStyle>
            <a:lvl1pPr>
              <a:defRPr/>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8128000" y="1933200"/>
            <a:ext cx="3523999"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2673703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nhold, to spalter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9" name="Title 1">
            <a:extLst>
              <a:ext uri="{FF2B5EF4-FFF2-40B4-BE49-F238E27FC236}">
                <a16:creationId xmlns:a16="http://schemas.microsoft.com/office/drawing/2014/main" id="{4EFF7DAE-2861-0252-B600-58BD09EF490C}"/>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1" name="Subtitle 2">
            <a:extLst>
              <a:ext uri="{FF2B5EF4-FFF2-40B4-BE49-F238E27FC236}">
                <a16:creationId xmlns:a16="http://schemas.microsoft.com/office/drawing/2014/main" id="{3B10A8E8-976A-A987-63CF-06BD6366558E}"/>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39999" y="1933200"/>
            <a:ext cx="54216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1599" y="1933200"/>
            <a:ext cx="54216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1484675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nhold med underoverskrift, to spalter (B)">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14" name="Title 1">
            <a:extLst>
              <a:ext uri="{FF2B5EF4-FFF2-40B4-BE49-F238E27FC236}">
                <a16:creationId xmlns:a16="http://schemas.microsoft.com/office/drawing/2014/main" id="{E5FBEC2A-59B2-B531-2FF3-21923EAABA5D}"/>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5" name="Subtitle 2">
            <a:extLst>
              <a:ext uri="{FF2B5EF4-FFF2-40B4-BE49-F238E27FC236}">
                <a16:creationId xmlns:a16="http://schemas.microsoft.com/office/drawing/2014/main" id="{3204F2BC-BA9D-5625-D728-A4C533DED8F4}"/>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5" name="Text Placeholder 4">
            <a:extLst>
              <a:ext uri="{FF2B5EF4-FFF2-40B4-BE49-F238E27FC236}">
                <a16:creationId xmlns:a16="http://schemas.microsoft.com/office/drawing/2014/main" id="{A3E1D732-FF38-4354-9CD1-41E4B638AC37}"/>
              </a:ext>
            </a:extLst>
          </p:cNvPr>
          <p:cNvSpPr>
            <a:spLocks noGrp="1"/>
          </p:cNvSpPr>
          <p:nvPr>
            <p:ph type="body" sz="quarter" idx="19" hasCustomPrompt="1"/>
          </p:nvPr>
        </p:nvSpPr>
        <p:spPr>
          <a:xfrm>
            <a:off x="540000" y="1933812"/>
            <a:ext cx="5418000" cy="291600"/>
          </a:xfrm>
        </p:spPr>
        <p:txBody>
          <a:bodyPr>
            <a:normAutofit/>
          </a:bodyPr>
          <a:lstStyle>
            <a:lvl1pPr marL="0" indent="0">
              <a:spcAft>
                <a:spcPct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sv-SE" noProof="0"/>
              <a:t>Tittel på graf</a:t>
            </a:r>
            <a:endParaRPr lang="sv-SE"/>
          </a:p>
        </p:txBody>
      </p:sp>
      <p:sp>
        <p:nvSpPr>
          <p:cNvPr id="11" name="Text Placeholder 4">
            <a:extLst>
              <a:ext uri="{FF2B5EF4-FFF2-40B4-BE49-F238E27FC236}">
                <a16:creationId xmlns:a16="http://schemas.microsoft.com/office/drawing/2014/main" id="{FCE7EEC8-6A20-4469-924C-95F0A38E9EE2}"/>
              </a:ext>
            </a:extLst>
          </p:cNvPr>
          <p:cNvSpPr>
            <a:spLocks noGrp="1"/>
          </p:cNvSpPr>
          <p:nvPr>
            <p:ph type="body" sz="quarter" idx="20" hasCustomPrompt="1"/>
          </p:nvPr>
        </p:nvSpPr>
        <p:spPr>
          <a:xfrm>
            <a:off x="6232526" y="1933811"/>
            <a:ext cx="5418000" cy="291600"/>
          </a:xfrm>
        </p:spPr>
        <p:txBody>
          <a:bodyPr>
            <a:normAutofit/>
          </a:bodyPr>
          <a:lstStyle>
            <a:lvl1pPr marL="0" indent="0">
              <a:spcAft>
                <a:spcPct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a:t>Tittel på graf</a:t>
            </a:r>
            <a:endParaRPr lang="sv-SE"/>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4774"/>
            <a:ext cx="5418000" cy="3494077"/>
          </a:xfrm>
        </p:spPr>
        <p:txBody>
          <a:bodyPr/>
          <a:lstStyle>
            <a:lvl1pPr>
              <a:defRPr sz="1600"/>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6" name="Text Placeholder 5">
            <a:extLst>
              <a:ext uri="{FF2B5EF4-FFF2-40B4-BE49-F238E27FC236}">
                <a16:creationId xmlns:a16="http://schemas.microsoft.com/office/drawing/2014/main" id="{E48F72EE-76F7-4471-9ABD-8692546D42E0}"/>
              </a:ext>
            </a:extLst>
          </p:cNvPr>
          <p:cNvSpPr>
            <a:spLocks noGrp="1"/>
          </p:cNvSpPr>
          <p:nvPr>
            <p:ph type="body" sz="quarter" idx="21" hasCustomPrompt="1"/>
          </p:nvPr>
        </p:nvSpPr>
        <p:spPr>
          <a:xfrm>
            <a:off x="540000" y="2224375"/>
            <a:ext cx="5418000" cy="227248"/>
          </a:xfrm>
        </p:spPr>
        <p:txBody>
          <a:bodyPr/>
          <a:lstStyle>
            <a:lvl1pPr marL="0" indent="0">
              <a:buNone/>
              <a:defRPr sz="1200"/>
            </a:lvl1pPr>
          </a:lstStyle>
          <a:p>
            <a:pPr lvl="0"/>
            <a:r>
              <a:rPr lang="sv-SE"/>
              <a:t>Underoverskrift</a:t>
            </a:r>
          </a:p>
        </p:txBody>
      </p:sp>
      <p:sp>
        <p:nvSpPr>
          <p:cNvPr id="13" name="Text Placeholder 5">
            <a:extLst>
              <a:ext uri="{FF2B5EF4-FFF2-40B4-BE49-F238E27FC236}">
                <a16:creationId xmlns:a16="http://schemas.microsoft.com/office/drawing/2014/main" id="{2D6DB48B-D31D-4152-8838-B71726AD978F}"/>
              </a:ext>
            </a:extLst>
          </p:cNvPr>
          <p:cNvSpPr>
            <a:spLocks noGrp="1"/>
          </p:cNvSpPr>
          <p:nvPr>
            <p:ph type="body" sz="quarter" idx="22" hasCustomPrompt="1"/>
          </p:nvPr>
        </p:nvSpPr>
        <p:spPr>
          <a:xfrm>
            <a:off x="6232526" y="2224375"/>
            <a:ext cx="5418000" cy="227248"/>
          </a:xfrm>
        </p:spPr>
        <p:txBody>
          <a:bodyPr/>
          <a:lstStyle>
            <a:lvl1pPr marL="0" indent="0">
              <a:buNone/>
              <a:defRPr sz="1200"/>
            </a:lvl1pPr>
          </a:lstStyle>
          <a:p>
            <a:pPr lvl="0"/>
            <a:r>
              <a:rPr lang="sv-SE"/>
              <a:t>Underoverskrift</a:t>
            </a:r>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2526" y="2544774"/>
            <a:ext cx="5418000" cy="3494076"/>
          </a:xfrm>
        </p:spPr>
        <p:txBody>
          <a:bodyPr/>
          <a:lstStyle>
            <a:lvl1pPr>
              <a:defRPr sz="1600"/>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Tree>
    <p:extLst>
      <p:ext uri="{BB962C8B-B14F-4D97-AF65-F5344CB8AC3E}">
        <p14:creationId xmlns:p14="http://schemas.microsoft.com/office/powerpoint/2010/main" val="10131390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nhold med underoverskrift,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A837D6BE-EAF6-4E55-90D5-0E54F19CF514}"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18" name="Title 1">
            <a:extLst>
              <a:ext uri="{FF2B5EF4-FFF2-40B4-BE49-F238E27FC236}">
                <a16:creationId xmlns:a16="http://schemas.microsoft.com/office/drawing/2014/main" id="{00CDDB12-9008-2CC3-C8CC-215271F281E9}"/>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9" name="Subtitle 2">
            <a:extLst>
              <a:ext uri="{FF2B5EF4-FFF2-40B4-BE49-F238E27FC236}">
                <a16:creationId xmlns:a16="http://schemas.microsoft.com/office/drawing/2014/main" id="{5CA25137-B03B-59F6-1828-50096E455C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4" name="Text Placeholder 4">
            <a:extLst>
              <a:ext uri="{FF2B5EF4-FFF2-40B4-BE49-F238E27FC236}">
                <a16:creationId xmlns:a16="http://schemas.microsoft.com/office/drawing/2014/main" id="{E9189924-B7F0-4CBF-8D68-3916772BCF5E}"/>
              </a:ext>
            </a:extLst>
          </p:cNvPr>
          <p:cNvSpPr>
            <a:spLocks noGrp="1"/>
          </p:cNvSpPr>
          <p:nvPr>
            <p:ph type="body" sz="quarter" idx="23" hasCustomPrompt="1"/>
          </p:nvPr>
        </p:nvSpPr>
        <p:spPr>
          <a:xfrm>
            <a:off x="540000" y="1933597"/>
            <a:ext cx="3520800" cy="291600"/>
          </a:xfrm>
        </p:spPr>
        <p:txBody>
          <a:bodyPr>
            <a:normAutofit/>
          </a:bodyPr>
          <a:lstStyle>
            <a:lvl1pPr marL="0" indent="0">
              <a:spcAft>
                <a:spcPct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sv-SE" noProof="0"/>
              <a:t>Tittel på graf</a:t>
            </a:r>
            <a:endParaRPr lang="sv-SE"/>
          </a:p>
        </p:txBody>
      </p:sp>
      <p:sp>
        <p:nvSpPr>
          <p:cNvPr id="16" name="Text Placeholder 5">
            <a:extLst>
              <a:ext uri="{FF2B5EF4-FFF2-40B4-BE49-F238E27FC236}">
                <a16:creationId xmlns:a16="http://schemas.microsoft.com/office/drawing/2014/main" id="{0FF5253F-F026-45AD-AE42-1D6510E417ED}"/>
              </a:ext>
            </a:extLst>
          </p:cNvPr>
          <p:cNvSpPr>
            <a:spLocks noGrp="1"/>
          </p:cNvSpPr>
          <p:nvPr>
            <p:ph type="body" sz="quarter" idx="25" hasCustomPrompt="1"/>
          </p:nvPr>
        </p:nvSpPr>
        <p:spPr>
          <a:xfrm>
            <a:off x="540000" y="2224160"/>
            <a:ext cx="3520800" cy="227248"/>
          </a:xfrm>
        </p:spPr>
        <p:txBody>
          <a:bodyPr/>
          <a:lstStyle>
            <a:lvl1pPr marL="0" indent="0">
              <a:buNone/>
              <a:defRPr sz="1200"/>
            </a:lvl1pPr>
          </a:lstStyle>
          <a:p>
            <a:pPr lvl="0"/>
            <a:r>
              <a:rPr lang="sv-SE"/>
              <a:t>Underoverskrift</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5925"/>
            <a:ext cx="3521007" cy="3495600"/>
          </a:xfrm>
        </p:spPr>
        <p:txBody>
          <a:bodyPr/>
          <a:lstStyle>
            <a:lvl1pPr>
              <a:defRPr sz="1600"/>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5" name="Text Placeholder 4">
            <a:extLst>
              <a:ext uri="{FF2B5EF4-FFF2-40B4-BE49-F238E27FC236}">
                <a16:creationId xmlns:a16="http://schemas.microsoft.com/office/drawing/2014/main" id="{01D28B1B-B6B2-41C4-84E4-763FE0C5CB0E}"/>
              </a:ext>
            </a:extLst>
          </p:cNvPr>
          <p:cNvSpPr>
            <a:spLocks noGrp="1"/>
          </p:cNvSpPr>
          <p:nvPr>
            <p:ph type="body" sz="quarter" idx="24" hasCustomPrompt="1"/>
          </p:nvPr>
        </p:nvSpPr>
        <p:spPr>
          <a:xfrm>
            <a:off x="4334669" y="1933596"/>
            <a:ext cx="3521076" cy="291600"/>
          </a:xfrm>
        </p:spPr>
        <p:txBody>
          <a:bodyPr>
            <a:normAutofit/>
          </a:bodyPr>
          <a:lstStyle>
            <a:lvl1pPr marL="0" indent="0">
              <a:spcAft>
                <a:spcPct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a:t>Tittel på graf</a:t>
            </a:r>
            <a:endParaRPr lang="sv-SE"/>
          </a:p>
        </p:txBody>
      </p:sp>
      <p:sp>
        <p:nvSpPr>
          <p:cNvPr id="17" name="Text Placeholder 5">
            <a:extLst>
              <a:ext uri="{FF2B5EF4-FFF2-40B4-BE49-F238E27FC236}">
                <a16:creationId xmlns:a16="http://schemas.microsoft.com/office/drawing/2014/main" id="{4B2F23DF-0A6E-4787-875F-CA68E6E80E5A}"/>
              </a:ext>
            </a:extLst>
          </p:cNvPr>
          <p:cNvSpPr>
            <a:spLocks noGrp="1"/>
          </p:cNvSpPr>
          <p:nvPr>
            <p:ph type="body" sz="quarter" idx="26" hasCustomPrompt="1"/>
          </p:nvPr>
        </p:nvSpPr>
        <p:spPr>
          <a:xfrm>
            <a:off x="4334669" y="2224160"/>
            <a:ext cx="3521076" cy="227248"/>
          </a:xfrm>
        </p:spPr>
        <p:txBody>
          <a:bodyPr/>
          <a:lstStyle>
            <a:lvl1pPr marL="0" indent="0">
              <a:buNone/>
              <a:defRPr sz="1200"/>
            </a:lvl1pPr>
          </a:lstStyle>
          <a:p>
            <a:pPr lvl="0"/>
            <a:r>
              <a:rPr lang="sv-SE"/>
              <a:t>Underoverskrift</a:t>
            </a:r>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669" y="2545925"/>
            <a:ext cx="3520800" cy="3495600"/>
          </a:xfrm>
        </p:spPr>
        <p:txBody>
          <a:bodyPr/>
          <a:lstStyle>
            <a:lvl1pPr>
              <a:defRPr sz="1600"/>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21" name="Text Placeholder 4">
            <a:extLst>
              <a:ext uri="{FF2B5EF4-FFF2-40B4-BE49-F238E27FC236}">
                <a16:creationId xmlns:a16="http://schemas.microsoft.com/office/drawing/2014/main" id="{61004909-C534-4909-A51E-BB0E2FC18E06}"/>
              </a:ext>
            </a:extLst>
          </p:cNvPr>
          <p:cNvSpPr>
            <a:spLocks noGrp="1"/>
          </p:cNvSpPr>
          <p:nvPr>
            <p:ph type="body" sz="quarter" idx="27" hasCustomPrompt="1"/>
          </p:nvPr>
        </p:nvSpPr>
        <p:spPr>
          <a:xfrm>
            <a:off x="8131200" y="1933596"/>
            <a:ext cx="3520800" cy="291600"/>
          </a:xfrm>
        </p:spPr>
        <p:txBody>
          <a:bodyPr>
            <a:normAutofit/>
          </a:bodyPr>
          <a:lstStyle>
            <a:lvl1pPr marL="0" indent="0">
              <a:spcAft>
                <a:spcPct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sv-SE" noProof="0"/>
              <a:t>Tittel på graf</a:t>
            </a:r>
            <a:endParaRPr lang="sv-SE"/>
          </a:p>
        </p:txBody>
      </p:sp>
      <p:sp>
        <p:nvSpPr>
          <p:cNvPr id="22" name="Text Placeholder 5">
            <a:extLst>
              <a:ext uri="{FF2B5EF4-FFF2-40B4-BE49-F238E27FC236}">
                <a16:creationId xmlns:a16="http://schemas.microsoft.com/office/drawing/2014/main" id="{92EE32F3-ABE4-438E-8ECC-FCBA5C0B4E63}"/>
              </a:ext>
            </a:extLst>
          </p:cNvPr>
          <p:cNvSpPr>
            <a:spLocks noGrp="1"/>
          </p:cNvSpPr>
          <p:nvPr>
            <p:ph type="body" sz="quarter" idx="28" hasCustomPrompt="1"/>
          </p:nvPr>
        </p:nvSpPr>
        <p:spPr>
          <a:xfrm>
            <a:off x="8130924" y="2224160"/>
            <a:ext cx="3521076" cy="227248"/>
          </a:xfrm>
        </p:spPr>
        <p:txBody>
          <a:bodyPr/>
          <a:lstStyle>
            <a:lvl1pPr marL="0" indent="0">
              <a:buNone/>
              <a:defRPr sz="1200"/>
            </a:lvl1pPr>
          </a:lstStyle>
          <a:p>
            <a:pPr lvl="0"/>
            <a:r>
              <a:rPr lang="sv-SE"/>
              <a:t>Underoverskrift</a:t>
            </a:r>
          </a:p>
        </p:txBody>
      </p:sp>
      <p:sp>
        <p:nvSpPr>
          <p:cNvPr id="12" name="Content Placeholder 9">
            <a:extLst>
              <a:ext uri="{FF2B5EF4-FFF2-40B4-BE49-F238E27FC236}">
                <a16:creationId xmlns:a16="http://schemas.microsoft.com/office/drawing/2014/main" id="{555B9E4D-02D2-4B75-9037-0A374A35EF17}"/>
              </a:ext>
            </a:extLst>
          </p:cNvPr>
          <p:cNvSpPr>
            <a:spLocks noGrp="1"/>
          </p:cNvSpPr>
          <p:nvPr>
            <p:ph sz="quarter" idx="21" hasCustomPrompt="1"/>
          </p:nvPr>
        </p:nvSpPr>
        <p:spPr>
          <a:xfrm>
            <a:off x="8131200" y="2545925"/>
            <a:ext cx="3520800" cy="3495600"/>
          </a:xfrm>
        </p:spPr>
        <p:txBody>
          <a:bodyPr/>
          <a:lstStyle>
            <a:lvl1pPr>
              <a:defRPr sz="1600"/>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6465941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Innhold og fakta boks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4D54E434-0FC3-4AFE-A04C-3E7F9B70B02D}"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13" name="Title 1">
            <a:extLst>
              <a:ext uri="{FF2B5EF4-FFF2-40B4-BE49-F238E27FC236}">
                <a16:creationId xmlns:a16="http://schemas.microsoft.com/office/drawing/2014/main" id="{4E42CF82-FACF-89E1-45F4-912FE7AE5615}"/>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4" name="Subtitle 2">
            <a:extLst>
              <a:ext uri="{FF2B5EF4-FFF2-40B4-BE49-F238E27FC236}">
                <a16:creationId xmlns:a16="http://schemas.microsoft.com/office/drawing/2014/main" id="{F4ACFCD5-6697-6CC5-AA0B-61FD6D0309C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p:spPr>
        <p:txBody>
          <a:bodyPr tIns="180000" bIns="180000"/>
          <a:lstStyle>
            <a:lvl1pPr marL="0" indent="0">
              <a:buFont typeface="Veidekke Favorit Offc" panose="020B0504030202060203" pitchFamily="34" charset="0"/>
              <a:buChar char="​"/>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42911901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Innhold + fakta boks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05B1728A-7D41-408B-AB91-128E37FAE282}"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9" name="Title 1">
            <a:extLst>
              <a:ext uri="{FF2B5EF4-FFF2-40B4-BE49-F238E27FC236}">
                <a16:creationId xmlns:a16="http://schemas.microsoft.com/office/drawing/2014/main" id="{F72AF08F-9E31-B1B2-4348-8CBA9C464F71}"/>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1" name="Subtitle 2">
            <a:extLst>
              <a:ext uri="{FF2B5EF4-FFF2-40B4-BE49-F238E27FC236}">
                <a16:creationId xmlns:a16="http://schemas.microsoft.com/office/drawing/2014/main" id="{498BC4D3-9BF0-4DFE-69F0-7587AE75A6B3}"/>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a:solidFill>
            <a:schemeClr val="accent3">
              <a:alpha val="50000"/>
            </a:schemeClr>
          </a:solidFill>
        </p:spPr>
        <p:txBody>
          <a:bodyPr lIns="180000" tIns="180000" rIns="180000" bIns="180000">
            <a:noAutofit/>
          </a:bodyPr>
          <a:lstStyle>
            <a:lvl1pPr marL="0" indent="0">
              <a:buFont typeface="Veidekke Favorit Offc" panose="020B0504030202060203" pitchFamily="34" charset="0"/>
              <a:buNone/>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sv-SE"/>
              <a:t>klikk for å legge til tekst, endre bak-grunnsfarge: form fylle</a:t>
            </a:r>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6931974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nnhold,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flipH="1">
            <a:off x="0" y="6856915"/>
            <a:ext cx="0" cy="0"/>
          </a:xfrm>
          <a:prstGeom prst="rect">
            <a:avLst/>
          </a:prstGeom>
        </p:spPr>
        <p:txBody>
          <a:bodyPr/>
          <a:lstStyle/>
          <a:p>
            <a:fld id="{35EAE886-C500-434E-A2CF-E9FFB552CF79}" type="datetime3">
              <a:rPr lang="sv-SE" smtClean="0"/>
              <a:t>24-08-26</a:t>
            </a:fld>
            <a:endParaRPr lang="sv-SE"/>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sv-SE"/>
          </a:p>
        </p:txBody>
      </p:sp>
      <p:sp>
        <p:nvSpPr>
          <p:cNvPr id="12" name="Title 1">
            <a:extLst>
              <a:ext uri="{FF2B5EF4-FFF2-40B4-BE49-F238E27FC236}">
                <a16:creationId xmlns:a16="http://schemas.microsoft.com/office/drawing/2014/main" id="{DAC219CF-84C4-8B30-2820-378358AEE095}"/>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3" name="Subtitle 2">
            <a:extLst>
              <a:ext uri="{FF2B5EF4-FFF2-40B4-BE49-F238E27FC236}">
                <a16:creationId xmlns:a16="http://schemas.microsoft.com/office/drawing/2014/main" id="{1E2FDB87-E072-1336-6B6D-A9F0292FDE5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4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001" y="1933200"/>
            <a:ext cx="35244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8128001" y="1933200"/>
            <a:ext cx="35244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0312636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nnhold, fire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flipH="1">
            <a:off x="0" y="6856915"/>
            <a:ext cx="0" cy="0"/>
          </a:xfrm>
          <a:prstGeom prst="rect">
            <a:avLst/>
          </a:prstGeom>
        </p:spPr>
        <p:txBody>
          <a:bodyPr/>
          <a:lstStyle/>
          <a:p>
            <a:fld id="{0497E626-157E-4DBF-B6AD-C9F4C180EBA2}" type="datetime3">
              <a:rPr lang="sv-SE" smtClean="0"/>
              <a:t>24-08-26</a:t>
            </a:fld>
            <a:endParaRPr lang="sv-SE"/>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sv-SE"/>
          </a:p>
        </p:txBody>
      </p:sp>
      <p:sp>
        <p:nvSpPr>
          <p:cNvPr id="12" name="Title 1">
            <a:extLst>
              <a:ext uri="{FF2B5EF4-FFF2-40B4-BE49-F238E27FC236}">
                <a16:creationId xmlns:a16="http://schemas.microsoft.com/office/drawing/2014/main" id="{44D08716-7277-A184-8480-43924EAC9D77}"/>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3" name="Subtitle 2">
            <a:extLst>
              <a:ext uri="{FF2B5EF4-FFF2-40B4-BE49-F238E27FC236}">
                <a16:creationId xmlns:a16="http://schemas.microsoft.com/office/drawing/2014/main" id="{543C0CE7-59F2-0EF9-6BE4-954D5A0DD7EA}"/>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3386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6232000" y="1933200"/>
            <a:ext cx="25740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9078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12601911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Innhold, seks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flipH="1">
            <a:off x="0" y="6856915"/>
            <a:ext cx="0" cy="0"/>
          </a:xfrm>
          <a:prstGeom prst="rect">
            <a:avLst/>
          </a:prstGeom>
        </p:spPr>
        <p:txBody>
          <a:bodyPr/>
          <a:lstStyle/>
          <a:p>
            <a:fld id="{0497E626-157E-4DBF-B6AD-C9F4C180EBA2}" type="datetime3">
              <a:rPr lang="sv-SE" smtClean="0"/>
              <a:t>24-08-26</a:t>
            </a:fld>
            <a:endParaRPr lang="sv-SE"/>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sv-SE"/>
          </a:p>
        </p:txBody>
      </p:sp>
      <p:sp>
        <p:nvSpPr>
          <p:cNvPr id="13" name="Title 1">
            <a:extLst>
              <a:ext uri="{FF2B5EF4-FFF2-40B4-BE49-F238E27FC236}">
                <a16:creationId xmlns:a16="http://schemas.microsoft.com/office/drawing/2014/main" id="{135027CB-91B5-F8E3-68DF-A86BDC119856}"/>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14" name="Subtitle 2">
            <a:extLst>
              <a:ext uri="{FF2B5EF4-FFF2-40B4-BE49-F238E27FC236}">
                <a16:creationId xmlns:a16="http://schemas.microsoft.com/office/drawing/2014/main" id="{727B8FA2-31D9-36F6-4319-CCDE8F110FB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243696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4333920" y="1933200"/>
            <a:ext cx="16272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623088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7" name="Content Placeholder 16">
            <a:extLst>
              <a:ext uri="{FF2B5EF4-FFF2-40B4-BE49-F238E27FC236}">
                <a16:creationId xmlns:a16="http://schemas.microsoft.com/office/drawing/2014/main" id="{EFB7AF45-BB78-40B9-9780-915A1F4D8B43}"/>
              </a:ext>
            </a:extLst>
          </p:cNvPr>
          <p:cNvSpPr>
            <a:spLocks noGrp="1"/>
          </p:cNvSpPr>
          <p:nvPr>
            <p:ph sz="quarter" idx="29" hasCustomPrompt="1"/>
          </p:nvPr>
        </p:nvSpPr>
        <p:spPr>
          <a:xfrm>
            <a:off x="812784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9" name="Content Placeholder 18">
            <a:extLst>
              <a:ext uri="{FF2B5EF4-FFF2-40B4-BE49-F238E27FC236}">
                <a16:creationId xmlns:a16="http://schemas.microsoft.com/office/drawing/2014/main" id="{5FE745FF-4C9E-4827-9457-E8D6757C5D89}"/>
              </a:ext>
            </a:extLst>
          </p:cNvPr>
          <p:cNvSpPr>
            <a:spLocks noGrp="1"/>
          </p:cNvSpPr>
          <p:nvPr>
            <p:ph sz="quarter" idx="30" hasCustomPrompt="1"/>
          </p:nvPr>
        </p:nvSpPr>
        <p:spPr>
          <a:xfrm>
            <a:off x="100248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sv-SE" noProof="0"/>
              <a:t>Klikk for å legge til tekst</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6673956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telslide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sv-SE"/>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rgbClr val="D2102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sv-SE"/>
              <a:t>Klikk på plassholderen og lim inn bilde via Fotoware-ikonet i Templafy-panelet</a:t>
            </a:r>
          </a:p>
        </p:txBody>
      </p:sp>
      <p:sp>
        <p:nvSpPr>
          <p:cNvPr id="3" name="Title 1">
            <a:extLst>
              <a:ext uri="{FF2B5EF4-FFF2-40B4-BE49-F238E27FC236}">
                <a16:creationId xmlns:a16="http://schemas.microsoft.com/office/drawing/2014/main" id="{99C5A63D-3E26-4894-BD1A-F1FC20990FE7}"/>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sv-SE"/>
              <a:t>Forside tittel</a:t>
            </a:r>
            <a:br>
              <a:rPr lang="nb-NO"/>
            </a:br>
            <a:r>
              <a:rPr lang="sv-SE"/>
              <a:t>max 3 rader lång</a:t>
            </a:r>
          </a:p>
        </p:txBody>
      </p:sp>
      <p:sp>
        <p:nvSpPr>
          <p:cNvPr id="10" name="Text Placeholder 3">
            <a:extLst>
              <a:ext uri="{FF2B5EF4-FFF2-40B4-BE49-F238E27FC236}">
                <a16:creationId xmlns:a16="http://schemas.microsoft.com/office/drawing/2014/main" id="{71A6E314-F3D0-ED11-909E-EABB8EBBCA70}"/>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a:t>Klikk for å legge til dato eller tekst</a:t>
            </a:r>
          </a:p>
        </p:txBody>
      </p:sp>
      <p:sp>
        <p:nvSpPr>
          <p:cNvPr id="11" name="Text Placeholder 5">
            <a:extLst>
              <a:ext uri="{FF2B5EF4-FFF2-40B4-BE49-F238E27FC236}">
                <a16:creationId xmlns:a16="http://schemas.microsoft.com/office/drawing/2014/main" id="{9ED3B1C6-7C9E-9551-431F-CD4DD5FC65FB}"/>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a:t>Klikk for å legge til presentatørens navn eller tekst</a:t>
            </a:r>
          </a:p>
        </p:txBody>
      </p:sp>
    </p:spTree>
    <p:extLst>
      <p:ext uri="{BB962C8B-B14F-4D97-AF65-F5344CB8AC3E}">
        <p14:creationId xmlns:p14="http://schemas.microsoft.com/office/powerpoint/2010/main" val="14670724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hf hdr="0" ftr="0"/>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Innhold og bilde (A)">
    <p:spTree>
      <p:nvGrpSpPr>
        <p:cNvPr id="1" name=""/>
        <p:cNvGrpSpPr/>
        <p:nvPr/>
      </p:nvGrpSpPr>
      <p:grpSpPr>
        <a:xfrm>
          <a:off x="0" y="0"/>
          <a:ext cx="0" cy="0"/>
          <a:chOff x="0" y="0"/>
          <a:chExt cx="0" cy="0"/>
        </a:xfrm>
      </p:grpSpPr>
      <p:sp>
        <p:nvSpPr>
          <p:cNvPr id="32" name="Text Placeholder 11" hidden="1">
            <a:extLst>
              <a:ext uri="{FF2B5EF4-FFF2-40B4-BE49-F238E27FC236}">
                <a16:creationId xmlns:a16="http://schemas.microsoft.com/office/drawing/2014/main" id="{A50B670C-3B88-4190-9F63-88CC5B0D67FC}"/>
              </a:ext>
            </a:extLst>
          </p:cNvPr>
          <p:cNvSpPr>
            <a:spLocks noGrp="1"/>
          </p:cNvSpPr>
          <p:nvPr>
            <p:ph type="body" sz="quarter" idx="22" hasCustomPrompt="1"/>
          </p:nvPr>
        </p:nvSpPr>
        <p:spPr>
          <a:xfrm>
            <a:off x="9075737" y="6328800"/>
            <a:ext cx="2033589" cy="158400"/>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sv-SE"/>
          </a:p>
        </p:txBody>
      </p:sp>
      <p:sp>
        <p:nvSpPr>
          <p:cNvPr id="16" name="GeneralDate" descr="{&quot;templafy&quot;:{&quot;id&quot;:&quot;52294f0a-bf0e-477d-bbf0-ea7a4ca9288d&quot;}}" hidden="1" title="GeneralDate">
            <a:extLst>
              <a:ext uri="{FF2B5EF4-FFF2-40B4-BE49-F238E27FC236}">
                <a16:creationId xmlns:a16="http://schemas.microsoft.com/office/drawing/2014/main" id="{1A0B3087-58FA-45FA-BE9E-D8F000FA8CD6}"/>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0"/>
            <a:ext cx="3519917" cy="6861600"/>
          </a:xfrm>
          <a:solidFill>
            <a:srgbClr val="DADADA"/>
          </a:solidFill>
        </p:spPr>
        <p:txBody>
          <a:bodyPr tIns="36000" anchor="t" anchorCtr="0"/>
          <a:lstStyle>
            <a:lvl1pPr marL="0" indent="0" algn="ctr">
              <a:buNone/>
              <a:defRPr sz="1400"/>
            </a:lvl1pPr>
          </a:lstStyle>
          <a:p>
            <a:r>
              <a:rPr lang="sv-SE"/>
              <a:t>Klikk på plassholderen og lim inn bilde via Fotoware-ikonet i Templafy-panelet</a:t>
            </a:r>
          </a:p>
        </p:txBody>
      </p:sp>
      <p:sp>
        <p:nvSpPr>
          <p:cNvPr id="11" name="Title 1">
            <a:extLst>
              <a:ext uri="{FF2B5EF4-FFF2-40B4-BE49-F238E27FC236}">
                <a16:creationId xmlns:a16="http://schemas.microsoft.com/office/drawing/2014/main" id="{7CA7C369-A11F-C317-61B1-5E495A38BCA1}"/>
              </a:ext>
            </a:extLst>
          </p:cNvPr>
          <p:cNvSpPr>
            <a:spLocks noGrp="1"/>
          </p:cNvSpPr>
          <p:nvPr>
            <p:ph type="title" hasCustomPrompt="1"/>
          </p:nvPr>
        </p:nvSpPr>
        <p:spPr>
          <a:xfrm>
            <a:off x="539999" y="554400"/>
            <a:ext cx="6638400" cy="1065600"/>
          </a:xfrm>
        </p:spPr>
        <p:txBody>
          <a:bodyPr/>
          <a:lstStyle/>
          <a:p>
            <a:r>
              <a:rPr lang="sv-SE"/>
              <a:t>Tittel første linje</a:t>
            </a:r>
          </a:p>
        </p:txBody>
      </p:sp>
      <p:sp>
        <p:nvSpPr>
          <p:cNvPr id="12" name="Subtitle 2">
            <a:extLst>
              <a:ext uri="{FF2B5EF4-FFF2-40B4-BE49-F238E27FC236}">
                <a16:creationId xmlns:a16="http://schemas.microsoft.com/office/drawing/2014/main" id="{D9377E13-FF03-3164-2728-11941CDD4332}"/>
              </a:ext>
            </a:extLst>
          </p:cNvPr>
          <p:cNvSpPr>
            <a:spLocks noGrp="1"/>
          </p:cNvSpPr>
          <p:nvPr>
            <p:ph type="subTitle" idx="13" hasCustomPrompt="1"/>
          </p:nvPr>
        </p:nvSpPr>
        <p:spPr>
          <a:xfrm>
            <a:off x="540000" y="1119601"/>
            <a:ext cx="66384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66395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3" name="Text Placeholder 11">
            <a:extLst>
              <a:ext uri="{FF2B5EF4-FFF2-40B4-BE49-F238E27FC236}">
                <a16:creationId xmlns:a16="http://schemas.microsoft.com/office/drawing/2014/main" id="{FDDAA42F-78A5-D745-9602-4D20C4F95BAC}"/>
              </a:ext>
            </a:extLst>
          </p:cNvPr>
          <p:cNvSpPr>
            <a:spLocks noGrp="1"/>
          </p:cNvSpPr>
          <p:nvPr>
            <p:ph type="body" sz="quarter" idx="18" hasCustomPrompt="1"/>
          </p:nvPr>
        </p:nvSpPr>
        <p:spPr>
          <a:xfrm>
            <a:off x="907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sv-SE" smtClean="0"/>
              <a:t>‹#›</a:t>
            </a:fld>
            <a:endParaRPr lang="sv-SE"/>
          </a:p>
        </p:txBody>
      </p:sp>
      <p:sp>
        <p:nvSpPr>
          <p:cNvPr id="10" name="Footer" descr="{&quot;templafy&quot;:{&quot;id&quot;:&quot;952743a7-bf2a-4363-a4b4-b5a6196b4515&quot;}}" title="Footer">
            <a:extLst>
              <a:ext uri="{FF2B5EF4-FFF2-40B4-BE49-F238E27FC236}">
                <a16:creationId xmlns:a16="http://schemas.microsoft.com/office/drawing/2014/main" id="{6A7C12BF-E61B-45B7-BDB0-86358887CF8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err="1">
              <a:solidFill>
                <a:schemeClr val="tx1"/>
              </a:solidFill>
            </a:endParaRPr>
          </a:p>
        </p:txBody>
      </p:sp>
    </p:spTree>
    <p:extLst>
      <p:ext uri="{BB962C8B-B14F-4D97-AF65-F5344CB8AC3E}">
        <p14:creationId xmlns:p14="http://schemas.microsoft.com/office/powerpoint/2010/main" val="38119675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Innhold og bilde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AD1801BA-A97F-41B0-BB39-0F38648B1E2D}"/>
              </a:ext>
            </a:extLst>
          </p:cNvPr>
          <p:cNvSpPr>
            <a:spLocks noGrp="1"/>
          </p:cNvSpPr>
          <p:nvPr>
            <p:ph type="dt" sz="half" idx="23"/>
          </p:nvPr>
        </p:nvSpPr>
        <p:spPr>
          <a:xfrm flipH="1">
            <a:off x="0" y="6856915"/>
            <a:ext cx="0" cy="0"/>
          </a:xfrm>
          <a:prstGeom prst="rect">
            <a:avLst/>
          </a:prstGeom>
        </p:spPr>
        <p:txBody>
          <a:bodyPr/>
          <a:lstStyle/>
          <a:p>
            <a:fld id="{EA015E3A-E66B-4519-9B7F-D83F2D016038}" type="datetime3">
              <a:rPr lang="sv-SE" smtClean="0"/>
              <a:t>24-08-26</a:t>
            </a:fld>
            <a:endParaRPr lang="sv-SE"/>
          </a:p>
        </p:txBody>
      </p:sp>
      <p:sp>
        <p:nvSpPr>
          <p:cNvPr id="5" name="Footer Placeholder 4" hidden="1">
            <a:extLst>
              <a:ext uri="{FF2B5EF4-FFF2-40B4-BE49-F238E27FC236}">
                <a16:creationId xmlns:a16="http://schemas.microsoft.com/office/drawing/2014/main" id="{BB9CA4AB-8788-4366-86A5-B641CA8437FC}"/>
              </a:ext>
            </a:extLst>
          </p:cNvPr>
          <p:cNvSpPr>
            <a:spLocks noGrp="1"/>
          </p:cNvSpPr>
          <p:nvPr>
            <p:ph type="ftr" sz="quarter" idx="24"/>
          </p:nvPr>
        </p:nvSpPr>
        <p:spPr/>
        <p:txBody>
          <a:bodyPr/>
          <a:lstStyle/>
          <a:p>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6231001" y="0"/>
            <a:ext cx="3522600" cy="6858000"/>
          </a:xfrm>
          <a:solidFill>
            <a:srgbClr val="DADADA"/>
          </a:solidFill>
        </p:spPr>
        <p:txBody>
          <a:bodyPr tIns="36000" anchor="t" anchorCtr="0"/>
          <a:lstStyle>
            <a:lvl1pPr marL="0" indent="0" algn="ctr">
              <a:buNone/>
              <a:defRPr sz="1400"/>
            </a:lvl1pPr>
          </a:lstStyle>
          <a:p>
            <a:r>
              <a:rPr lang="sv-SE"/>
              <a:t>Klikk på plassholderen og lim inn bilde via Fotoware-ikonet i Templafy-panelet</a:t>
            </a:r>
          </a:p>
        </p:txBody>
      </p:sp>
      <p:sp>
        <p:nvSpPr>
          <p:cNvPr id="11" name="Title 1">
            <a:extLst>
              <a:ext uri="{FF2B5EF4-FFF2-40B4-BE49-F238E27FC236}">
                <a16:creationId xmlns:a16="http://schemas.microsoft.com/office/drawing/2014/main" id="{12ACA26A-BD7D-78A8-9D52-BAC941A7A477}"/>
              </a:ext>
            </a:extLst>
          </p:cNvPr>
          <p:cNvSpPr>
            <a:spLocks noGrp="1"/>
          </p:cNvSpPr>
          <p:nvPr>
            <p:ph type="title" hasCustomPrompt="1"/>
          </p:nvPr>
        </p:nvSpPr>
        <p:spPr>
          <a:xfrm>
            <a:off x="539999" y="554400"/>
            <a:ext cx="4471200" cy="1065600"/>
          </a:xfrm>
        </p:spPr>
        <p:txBody>
          <a:bodyPr/>
          <a:lstStyle/>
          <a:p>
            <a:r>
              <a:rPr lang="sv-SE"/>
              <a:t>Tittel første linje</a:t>
            </a:r>
          </a:p>
        </p:txBody>
      </p:sp>
      <p:sp>
        <p:nvSpPr>
          <p:cNvPr id="16" name="Subtitle 2">
            <a:extLst>
              <a:ext uri="{FF2B5EF4-FFF2-40B4-BE49-F238E27FC236}">
                <a16:creationId xmlns:a16="http://schemas.microsoft.com/office/drawing/2014/main" id="{4C55AA42-91DA-7E3F-0419-D3CAC26B495C}"/>
              </a:ext>
            </a:extLst>
          </p:cNvPr>
          <p:cNvSpPr>
            <a:spLocks noGrp="1"/>
          </p:cNvSpPr>
          <p:nvPr>
            <p:ph type="subTitle" idx="13" hasCustomPrompt="1"/>
          </p:nvPr>
        </p:nvSpPr>
        <p:spPr>
          <a:xfrm>
            <a:off x="540000" y="1119601"/>
            <a:ext cx="447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1" y="1933200"/>
            <a:ext cx="4472500" cy="4107600"/>
          </a:xfrm>
        </p:spPr>
        <p:txBody>
          <a:bodyPr/>
          <a:lstStyle>
            <a:lvl5pPr>
              <a:defRPr/>
            </a:lvl5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602" y="2151437"/>
            <a:ext cx="1627062"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sv-SE" noProof="0"/>
              <a:t>Klikk for å legge til tekst</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17" name="Text Placeholder 11">
            <a:extLst>
              <a:ext uri="{FF2B5EF4-FFF2-40B4-BE49-F238E27FC236}">
                <a16:creationId xmlns:a16="http://schemas.microsoft.com/office/drawing/2014/main" id="{D17DA896-08B0-6B71-91FA-C91947A1C573}"/>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
        <p:nvSpPr>
          <p:cNvPr id="6" name="Slide Number Placeholder 5">
            <a:extLst>
              <a:ext uri="{FF2B5EF4-FFF2-40B4-BE49-F238E27FC236}">
                <a16:creationId xmlns:a16="http://schemas.microsoft.com/office/drawing/2014/main" id="{3F8F8AE0-C735-4F0C-91CE-1B419C6EE644}"/>
              </a:ext>
            </a:extLst>
          </p:cNvPr>
          <p:cNvSpPr>
            <a:spLocks noGrp="1"/>
          </p:cNvSpPr>
          <p:nvPr>
            <p:ph type="sldNum" sz="quarter" idx="25"/>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468073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Innhold og bilde (C)">
    <p:spTree>
      <p:nvGrpSpPr>
        <p:cNvPr id="1" name=""/>
        <p:cNvGrpSpPr/>
        <p:nvPr/>
      </p:nvGrpSpPr>
      <p:grpSpPr>
        <a:xfrm>
          <a:off x="0" y="0"/>
          <a:ext cx="0" cy="0"/>
          <a:chOff x="0" y="0"/>
          <a:chExt cx="0" cy="0"/>
        </a:xfrm>
      </p:grpSpPr>
      <p:sp>
        <p:nvSpPr>
          <p:cNvPr id="12" name="Date Placeholder 11" hidden="1">
            <a:extLst>
              <a:ext uri="{FF2B5EF4-FFF2-40B4-BE49-F238E27FC236}">
                <a16:creationId xmlns:a16="http://schemas.microsoft.com/office/drawing/2014/main" id="{A7C02027-249A-4636-BB11-ABB0B1743653}"/>
              </a:ext>
            </a:extLst>
          </p:cNvPr>
          <p:cNvSpPr>
            <a:spLocks noGrp="1"/>
          </p:cNvSpPr>
          <p:nvPr>
            <p:ph type="dt" sz="half" idx="27"/>
          </p:nvPr>
        </p:nvSpPr>
        <p:spPr>
          <a:xfrm flipH="1">
            <a:off x="0" y="6856915"/>
            <a:ext cx="0" cy="0"/>
          </a:xfrm>
          <a:prstGeom prst="rect">
            <a:avLst/>
          </a:prstGeom>
        </p:spPr>
        <p:txBody>
          <a:bodyPr/>
          <a:lstStyle/>
          <a:p>
            <a:fld id="{1D6F2D46-6967-43F1-9514-B79C35C8C345}" type="datetime3">
              <a:rPr lang="sv-SE" smtClean="0"/>
              <a:t>24-08-26</a:t>
            </a:fld>
            <a:endParaRPr lang="sv-SE"/>
          </a:p>
        </p:txBody>
      </p:sp>
      <p:sp>
        <p:nvSpPr>
          <p:cNvPr id="15" name="Footer Placeholder 14" hidden="1">
            <a:extLst>
              <a:ext uri="{FF2B5EF4-FFF2-40B4-BE49-F238E27FC236}">
                <a16:creationId xmlns:a16="http://schemas.microsoft.com/office/drawing/2014/main" id="{479FDFDE-C4D5-4BA3-9374-79CDD76FA9A8}"/>
              </a:ext>
            </a:extLst>
          </p:cNvPr>
          <p:cNvSpPr>
            <a:spLocks noGrp="1"/>
          </p:cNvSpPr>
          <p:nvPr>
            <p:ph type="ftr" sz="quarter" idx="28"/>
          </p:nvPr>
        </p:nvSpPr>
        <p:spPr/>
        <p:txBody>
          <a:bodyPr/>
          <a:lstStyle/>
          <a:p>
            <a:endParaRPr lang="sv-SE"/>
          </a:p>
        </p:txBody>
      </p:sp>
      <p:sp>
        <p:nvSpPr>
          <p:cNvPr id="17" name="GeneralDate" descr="{&quot;templafy&quot;:{&quot;id&quot;:&quot;ca0b21ba-3e86-489d-a259-7c063736d520&quot;}}" hidden="1" title="GeneralDate">
            <a:extLst>
              <a:ext uri="{FF2B5EF4-FFF2-40B4-BE49-F238E27FC236}">
                <a16:creationId xmlns:a16="http://schemas.microsoft.com/office/drawing/2014/main" id="{45AA3AA0-E74C-4578-8297-03F273FE4798}"/>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1" y="0"/>
            <a:ext cx="9753599" cy="6861600"/>
          </a:xfrm>
          <a:solidFill>
            <a:srgbClr val="DADADA"/>
          </a:solidFill>
        </p:spPr>
        <p:txBody>
          <a:bodyPr tIns="36000" anchor="t" anchorCtr="0"/>
          <a:lstStyle>
            <a:lvl1pPr marL="0" indent="0" algn="ctr">
              <a:buNone/>
              <a:defRPr/>
            </a:lvl1pPr>
          </a:lstStyle>
          <a:p>
            <a:r>
              <a:rPr lang="sv-SE" noProof="1"/>
              <a:t>Klikk på plassholderen og lim inn bilde via Fotoware-ikonet i Templafy-panelet</a:t>
            </a:r>
            <a:endParaRPr lang="sv-SE"/>
          </a:p>
        </p:txBody>
      </p:sp>
      <p:sp>
        <p:nvSpPr>
          <p:cNvPr id="16" name="Title 1">
            <a:extLst>
              <a:ext uri="{FF2B5EF4-FFF2-40B4-BE49-F238E27FC236}">
                <a16:creationId xmlns:a16="http://schemas.microsoft.com/office/drawing/2014/main" id="{FB4C638A-3EB7-12F5-9788-154C656838E0}"/>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sv-SE"/>
              <a:t>Tittel første linje</a:t>
            </a:r>
          </a:p>
        </p:txBody>
      </p:sp>
      <p:sp>
        <p:nvSpPr>
          <p:cNvPr id="19" name="Subtitle 2">
            <a:extLst>
              <a:ext uri="{FF2B5EF4-FFF2-40B4-BE49-F238E27FC236}">
                <a16:creationId xmlns:a16="http://schemas.microsoft.com/office/drawing/2014/main" id="{EB6CBE65-98B2-5CD6-B3A2-BC787586ECA3}"/>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ct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sv-SE" noProof="0"/>
              <a:t>Klikk for å legge til tekst</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20" name="Text Placeholder 11">
            <a:extLst>
              <a:ext uri="{FF2B5EF4-FFF2-40B4-BE49-F238E27FC236}">
                <a16:creationId xmlns:a16="http://schemas.microsoft.com/office/drawing/2014/main" id="{67065131-6AC2-86C8-DAF6-CCEAFE0E63A5}"/>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
        <p:nvSpPr>
          <p:cNvPr id="31" name="Slide Number Placeholder 30">
            <a:extLst>
              <a:ext uri="{FF2B5EF4-FFF2-40B4-BE49-F238E27FC236}">
                <a16:creationId xmlns:a16="http://schemas.microsoft.com/office/drawing/2014/main" id="{56BC7627-72EB-4719-85A4-6E0E923BF52A}"/>
              </a:ext>
            </a:extLst>
          </p:cNvPr>
          <p:cNvSpPr>
            <a:spLocks noGrp="1"/>
          </p:cNvSpPr>
          <p:nvPr>
            <p:ph type="sldNum" sz="quarter" idx="29"/>
          </p:nvPr>
        </p:nvSpPr>
        <p:spPr/>
        <p:txBody>
          <a:bodyPr/>
          <a:lstStyle>
            <a:lvl1pPr>
              <a:defRPr>
                <a:solidFill>
                  <a:schemeClr val="bg1"/>
                </a:solidFill>
              </a:defRPr>
            </a:lvl1pPr>
          </a:lstStyle>
          <a:p>
            <a:fld id="{24C8C45C-947F-4981-8B3F-4F32E973C901}" type="slidenum">
              <a:rPr lang="sv-SE" smtClean="0"/>
              <a:t>‹#›</a:t>
            </a:fld>
            <a:endParaRPr lang="sv-SE"/>
          </a:p>
        </p:txBody>
      </p:sp>
      <p:sp>
        <p:nvSpPr>
          <p:cNvPr id="32" name="Footer" descr="{&quot;templafy&quot;:{&quot;id&quot;:&quot;cd42c6bb-3f8e-40bf-b20e-5e09321f9eb5&quot;}}" title="Footer">
            <a:extLst>
              <a:ext uri="{FF2B5EF4-FFF2-40B4-BE49-F238E27FC236}">
                <a16:creationId xmlns:a16="http://schemas.microsoft.com/office/drawing/2014/main" id="{AD3385EB-1A8C-44C6-B311-116C443541A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bg1"/>
              </a:solidFill>
            </a:endParaRPr>
          </a:p>
        </p:txBody>
      </p:sp>
    </p:spTree>
    <p:extLst>
      <p:ext uri="{BB962C8B-B14F-4D97-AF65-F5344CB8AC3E}">
        <p14:creationId xmlns:p14="http://schemas.microsoft.com/office/powerpoint/2010/main" val="1730191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Innhold og bilde (D)">
    <p:spTree>
      <p:nvGrpSpPr>
        <p:cNvPr id="1" name=""/>
        <p:cNvGrpSpPr/>
        <p:nvPr/>
      </p:nvGrpSpPr>
      <p:grpSpPr>
        <a:xfrm>
          <a:off x="0" y="0"/>
          <a:ext cx="0" cy="0"/>
          <a:chOff x="0" y="0"/>
          <a:chExt cx="0" cy="0"/>
        </a:xfrm>
      </p:grpSpPr>
      <p:sp>
        <p:nvSpPr>
          <p:cNvPr id="34" name="Date Placeholder 33" hidden="1">
            <a:extLst>
              <a:ext uri="{FF2B5EF4-FFF2-40B4-BE49-F238E27FC236}">
                <a16:creationId xmlns:a16="http://schemas.microsoft.com/office/drawing/2014/main" id="{35AF27D4-6A9C-4EBA-AAD5-89E1B2796ABE}"/>
              </a:ext>
            </a:extLst>
          </p:cNvPr>
          <p:cNvSpPr>
            <a:spLocks noGrp="1"/>
          </p:cNvSpPr>
          <p:nvPr>
            <p:ph type="dt" sz="half" idx="28"/>
          </p:nvPr>
        </p:nvSpPr>
        <p:spPr>
          <a:xfrm flipH="1">
            <a:off x="0" y="6856915"/>
            <a:ext cx="0" cy="0"/>
          </a:xfrm>
          <a:prstGeom prst="rect">
            <a:avLst/>
          </a:prstGeom>
        </p:spPr>
        <p:txBody>
          <a:bodyPr/>
          <a:lstStyle/>
          <a:p>
            <a:fld id="{48A94E7A-F47E-47C4-B3AF-81B765EE6695}" type="datetime3">
              <a:rPr lang="sv-SE" smtClean="0"/>
              <a:t>24-08-26</a:t>
            </a:fld>
            <a:endParaRPr lang="sv-SE"/>
          </a:p>
        </p:txBody>
      </p:sp>
      <p:sp>
        <p:nvSpPr>
          <p:cNvPr id="35" name="Footer Placeholder 34" hidden="1">
            <a:extLst>
              <a:ext uri="{FF2B5EF4-FFF2-40B4-BE49-F238E27FC236}">
                <a16:creationId xmlns:a16="http://schemas.microsoft.com/office/drawing/2014/main" id="{B66F3FA6-C28D-4462-909B-3B38F6E63364}"/>
              </a:ext>
            </a:extLst>
          </p:cNvPr>
          <p:cNvSpPr>
            <a:spLocks noGrp="1"/>
          </p:cNvSpPr>
          <p:nvPr>
            <p:ph type="ftr" sz="quarter" idx="29"/>
          </p:nvPr>
        </p:nvSpPr>
        <p:spPr/>
        <p:txBody>
          <a:bodyPr/>
          <a:lstStyle/>
          <a:p>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0" y="0"/>
            <a:ext cx="12192000" cy="6861600"/>
          </a:xfrm>
          <a:solidFill>
            <a:srgbClr val="DADADA"/>
          </a:solidFill>
        </p:spPr>
        <p:txBody>
          <a:bodyPr tIns="36000" anchor="t" anchorCtr="0"/>
          <a:lstStyle>
            <a:lvl1pPr marL="0" indent="0" algn="ctr">
              <a:buNone/>
              <a:defRPr/>
            </a:lvl1pPr>
          </a:lstStyle>
          <a:p>
            <a:r>
              <a:rPr lang="sv-SE"/>
              <a:t>Klikk på plassholderen og lim inn bilde via Fotoware-ikonet i Templafy-panelet</a:t>
            </a:r>
          </a:p>
        </p:txBody>
      </p:sp>
      <p:sp>
        <p:nvSpPr>
          <p:cNvPr id="10" name="Title 1">
            <a:extLst>
              <a:ext uri="{FF2B5EF4-FFF2-40B4-BE49-F238E27FC236}">
                <a16:creationId xmlns:a16="http://schemas.microsoft.com/office/drawing/2014/main" id="{8BA309D3-947A-91CD-A003-66115636E1B2}"/>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sv-SE"/>
              <a:t>Tittel første linje</a:t>
            </a:r>
          </a:p>
        </p:txBody>
      </p:sp>
      <p:sp>
        <p:nvSpPr>
          <p:cNvPr id="11" name="Subtitle 2">
            <a:extLst>
              <a:ext uri="{FF2B5EF4-FFF2-40B4-BE49-F238E27FC236}">
                <a16:creationId xmlns:a16="http://schemas.microsoft.com/office/drawing/2014/main" id="{645A974B-9495-46A3-456E-3AAA121D1958}"/>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ct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solidFill>
                  <a:schemeClr val="bg1"/>
                </a:solidFill>
              </a:defRPr>
            </a:lvl1pPr>
            <a:lvl2pPr marL="215900" indent="-215900">
              <a:buClrTx/>
              <a:defRPr sz="1200">
                <a:solidFill>
                  <a:schemeClr val="bg1"/>
                </a:solidFill>
              </a:defRPr>
            </a:lvl2pPr>
            <a:lvl3pPr marL="432000">
              <a:buClrTx/>
              <a:defRPr sz="1200">
                <a:solidFill>
                  <a:schemeClr val="bg1"/>
                </a:solidFill>
              </a:defRPr>
            </a:lvl3pPr>
            <a:lvl4pPr>
              <a:buClrTx/>
              <a:defRPr sz="1200">
                <a:solidFill>
                  <a:schemeClr val="bg1"/>
                </a:solidFill>
              </a:defRPr>
            </a:lvl4pPr>
            <a:lvl5pPr>
              <a:buClrTx/>
              <a:defRPr sz="1200">
                <a:solidFill>
                  <a:schemeClr val="bg1"/>
                </a:solidFill>
              </a:defRPr>
            </a:lvl5pPr>
            <a:lvl6pPr>
              <a:buClrTx/>
              <a:defRPr sz="1200">
                <a:solidFill>
                  <a:schemeClr val="bg1"/>
                </a:solidFill>
              </a:defRPr>
            </a:lvl6pPr>
            <a:lvl7pPr>
              <a:buClrTx/>
              <a:defRPr sz="1200">
                <a:solidFill>
                  <a:schemeClr val="bg1"/>
                </a:solidFill>
              </a:defRPr>
            </a:lvl7pPr>
            <a:lvl8pPr>
              <a:buClrTx/>
              <a:defRPr sz="1200">
                <a:solidFill>
                  <a:schemeClr val="bg1"/>
                </a:solidFill>
              </a:defRPr>
            </a:lvl8pPr>
            <a:lvl9pPr>
              <a:buClrTx/>
              <a:defRPr sz="1200">
                <a:solidFill>
                  <a:schemeClr val="bg1"/>
                </a:solidFill>
              </a:defRPr>
            </a:lvl9pPr>
          </a:lstStyle>
          <a:p>
            <a:pPr lvl="0"/>
            <a:r>
              <a:rPr lang="sv-SE" noProof="0"/>
              <a:t>Klikk for å legge til tekst</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
        <p:nvSpPr>
          <p:cNvPr id="36" name="Slide Number Placeholder 35">
            <a:extLst>
              <a:ext uri="{FF2B5EF4-FFF2-40B4-BE49-F238E27FC236}">
                <a16:creationId xmlns:a16="http://schemas.microsoft.com/office/drawing/2014/main" id="{570957F8-6AE6-4B9A-AEA5-BA095201A895}"/>
              </a:ext>
            </a:extLst>
          </p:cNvPr>
          <p:cNvSpPr>
            <a:spLocks noGrp="1"/>
          </p:cNvSpPr>
          <p:nvPr>
            <p:ph type="sldNum" sz="quarter" idx="30"/>
          </p:nvPr>
        </p:nvSpPr>
        <p:spPr/>
        <p:txBody>
          <a:bodyPr/>
          <a:lstStyle>
            <a:lvl1pPr>
              <a:defRPr>
                <a:solidFill>
                  <a:schemeClr val="bg1"/>
                </a:solidFill>
              </a:defRPr>
            </a:lvl1pPr>
          </a:lstStyle>
          <a:p>
            <a:fld id="{24C8C45C-947F-4981-8B3F-4F32E973C901}" type="slidenum">
              <a:rPr lang="sv-SE" smtClean="0"/>
              <a:t>‹#›</a:t>
            </a:fld>
            <a:endParaRPr lang="sv-SE"/>
          </a:p>
        </p:txBody>
      </p:sp>
      <p:sp>
        <p:nvSpPr>
          <p:cNvPr id="12" name="Footer" descr="{&quot;templafy&quot;:{&quot;id&quot;:&quot;5036556e-54c7-42bb-9321-233c58a4d58f&quot;}}" title="Footer">
            <a:extLst>
              <a:ext uri="{FF2B5EF4-FFF2-40B4-BE49-F238E27FC236}">
                <a16:creationId xmlns:a16="http://schemas.microsoft.com/office/drawing/2014/main" id="{FC1D6A2E-209D-F74C-5A15-98A8E75B8334}"/>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bg1"/>
              </a:solidFill>
            </a:endParaRPr>
          </a:p>
        </p:txBody>
      </p:sp>
      <p:sp>
        <p:nvSpPr>
          <p:cNvPr id="15" name="Text Placeholder 11">
            <a:extLst>
              <a:ext uri="{FF2B5EF4-FFF2-40B4-BE49-F238E27FC236}">
                <a16:creationId xmlns:a16="http://schemas.microsoft.com/office/drawing/2014/main" id="{E52E99A1-BBE1-C2C9-52DC-E537688AFE21}"/>
              </a:ext>
            </a:extLst>
          </p:cNvPr>
          <p:cNvSpPr>
            <a:spLocks noGrp="1"/>
          </p:cNvSpPr>
          <p:nvPr>
            <p:ph type="body" sz="quarter" idx="18" hasCustomPrompt="1"/>
          </p:nvPr>
        </p:nvSpPr>
        <p:spPr>
          <a:xfrm>
            <a:off x="81288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Tree>
    <p:extLst>
      <p:ext uri="{BB962C8B-B14F-4D97-AF65-F5344CB8AC3E}">
        <p14:creationId xmlns:p14="http://schemas.microsoft.com/office/powerpoint/2010/main" val="37246245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o bilder">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7C4F0014-27A5-4553-95CD-29D6E363972F}"/>
              </a:ext>
            </a:extLst>
          </p:cNvPr>
          <p:cNvSpPr>
            <a:spLocks noGrp="1"/>
          </p:cNvSpPr>
          <p:nvPr>
            <p:ph type="dt" sz="half" idx="28"/>
          </p:nvPr>
        </p:nvSpPr>
        <p:spPr>
          <a:xfrm flipH="1">
            <a:off x="0" y="6856915"/>
            <a:ext cx="0" cy="0"/>
          </a:xfrm>
          <a:prstGeom prst="rect">
            <a:avLst/>
          </a:prstGeom>
        </p:spPr>
        <p:txBody>
          <a:bodyPr/>
          <a:lstStyle/>
          <a:p>
            <a:fld id="{B620C3E7-E7AE-4941-BA59-764737E75638}" type="datetime3">
              <a:rPr lang="sv-SE" smtClean="0"/>
              <a:t>24-08-26</a:t>
            </a:fld>
            <a:endParaRPr lang="sv-SE"/>
          </a:p>
        </p:txBody>
      </p:sp>
      <p:sp>
        <p:nvSpPr>
          <p:cNvPr id="10" name="Footer Placeholder 9" hidden="1">
            <a:extLst>
              <a:ext uri="{FF2B5EF4-FFF2-40B4-BE49-F238E27FC236}">
                <a16:creationId xmlns:a16="http://schemas.microsoft.com/office/drawing/2014/main" id="{A1AA6A08-727A-46DD-81F5-0D671522EE56}"/>
              </a:ext>
            </a:extLst>
          </p:cNvPr>
          <p:cNvSpPr>
            <a:spLocks noGrp="1"/>
          </p:cNvSpPr>
          <p:nvPr>
            <p:ph type="ftr" sz="quarter" idx="29"/>
          </p:nvPr>
        </p:nvSpPr>
        <p:spPr/>
        <p:txBody>
          <a:bodyPr/>
          <a:lstStyle/>
          <a:p>
            <a:endParaRPr lang="sv-SE"/>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6788" cy="5228852"/>
          </a:xfrm>
          <a:solidFill>
            <a:srgbClr val="DADADA"/>
          </a:solidFill>
        </p:spPr>
        <p:txBody>
          <a:bodyPr lIns="72000" tIns="0" rIns="72000" bIns="36000" anchor="b" anchorCtr="0"/>
          <a:lstStyle>
            <a:lvl1pPr marL="0" indent="0" algn="ctr">
              <a:buNone/>
              <a:defRPr sz="1400"/>
            </a:lvl1pPr>
          </a:lstStyle>
          <a:p>
            <a:r>
              <a:rPr lang="sv-SE"/>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5" name="Picture Placeholder 4">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1" y="809998"/>
            <a:ext cx="3522662" cy="5228852"/>
          </a:xfrm>
          <a:solidFill>
            <a:srgbClr val="DADADA"/>
          </a:solidFill>
        </p:spPr>
        <p:txBody>
          <a:bodyPr lIns="72000" tIns="0" rIns="72000" bIns="36000" anchor="b" anchorCtr="0"/>
          <a:lstStyle>
            <a:lvl1pPr marL="0" indent="0" algn="ctr">
              <a:buNone/>
              <a:defRPr sz="1400"/>
            </a:lvl1pPr>
          </a:lstStyle>
          <a:p>
            <a:r>
              <a:rPr lang="sv-SE"/>
              <a:t>Klikk på plassholderen og lim inn bilde via Fotoware-ikonet i Templafy-panelet</a:t>
            </a:r>
          </a:p>
        </p:txBody>
      </p:sp>
      <p:sp>
        <p:nvSpPr>
          <p:cNvPr id="11" name="Slide Number Placeholder 10">
            <a:extLst>
              <a:ext uri="{FF2B5EF4-FFF2-40B4-BE49-F238E27FC236}">
                <a16:creationId xmlns:a16="http://schemas.microsoft.com/office/drawing/2014/main" id="{FE25EEA1-6143-4D43-9241-24E11061080D}"/>
              </a:ext>
            </a:extLst>
          </p:cNvPr>
          <p:cNvSpPr>
            <a:spLocks noGrp="1"/>
          </p:cNvSpPr>
          <p:nvPr>
            <p:ph type="sldNum" sz="quarter" idx="30"/>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25373330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re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D57ED5BF-CDB8-48DC-811C-E6BCA19807C4}"/>
              </a:ext>
            </a:extLst>
          </p:cNvPr>
          <p:cNvSpPr>
            <a:spLocks noGrp="1"/>
          </p:cNvSpPr>
          <p:nvPr>
            <p:ph type="dt" sz="half" idx="29"/>
          </p:nvPr>
        </p:nvSpPr>
        <p:spPr>
          <a:xfrm flipH="1">
            <a:off x="0" y="6856915"/>
            <a:ext cx="0" cy="0"/>
          </a:xfrm>
          <a:prstGeom prst="rect">
            <a:avLst/>
          </a:prstGeom>
        </p:spPr>
        <p:txBody>
          <a:bodyPr/>
          <a:lstStyle/>
          <a:p>
            <a:fld id="{7ADD6D47-5A80-4647-8982-99E88EBB294E}" type="datetime3">
              <a:rPr lang="sv-SE" smtClean="0"/>
              <a:t>24-08-26</a:t>
            </a:fld>
            <a:endParaRPr lang="sv-SE"/>
          </a:p>
        </p:txBody>
      </p:sp>
      <p:sp>
        <p:nvSpPr>
          <p:cNvPr id="6" name="Footer Placeholder 5" hidden="1">
            <a:extLst>
              <a:ext uri="{FF2B5EF4-FFF2-40B4-BE49-F238E27FC236}">
                <a16:creationId xmlns:a16="http://schemas.microsoft.com/office/drawing/2014/main" id="{BD794965-EE4F-4E2F-B12B-97B08930DD14}"/>
              </a:ext>
            </a:extLst>
          </p:cNvPr>
          <p:cNvSpPr>
            <a:spLocks noGrp="1"/>
          </p:cNvSpPr>
          <p:nvPr>
            <p:ph type="ftr" sz="quarter" idx="30"/>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24804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541337" y="3560400"/>
            <a:ext cx="7310415" cy="24804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809998"/>
            <a:ext cx="3522662" cy="5230802"/>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8" name="Slide Number Placeholder 7">
            <a:extLst>
              <a:ext uri="{FF2B5EF4-FFF2-40B4-BE49-F238E27FC236}">
                <a16:creationId xmlns:a16="http://schemas.microsoft.com/office/drawing/2014/main" id="{CC90E4DE-10E6-4400-97D3-6B14B73560B1}"/>
              </a:ext>
            </a:extLst>
          </p:cNvPr>
          <p:cNvSpPr>
            <a:spLocks noGrp="1"/>
          </p:cNvSpPr>
          <p:nvPr>
            <p:ph type="sldNum" sz="quarter" idx="31"/>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6900114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re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7FEEF6E8-34C6-4798-B9BD-2B7937D0DD65}"/>
              </a:ext>
            </a:extLst>
          </p:cNvPr>
          <p:cNvSpPr>
            <a:spLocks noGrp="1"/>
          </p:cNvSpPr>
          <p:nvPr>
            <p:ph type="dt" sz="half" idx="29"/>
          </p:nvPr>
        </p:nvSpPr>
        <p:spPr>
          <a:xfrm flipH="1">
            <a:off x="0" y="6856915"/>
            <a:ext cx="0" cy="0"/>
          </a:xfrm>
          <a:prstGeom prst="rect">
            <a:avLst/>
          </a:prstGeom>
        </p:spPr>
        <p:txBody>
          <a:bodyPr/>
          <a:lstStyle/>
          <a:p>
            <a:fld id="{89EA4097-46A1-4EE3-964B-8871514C48B0}" type="datetime3">
              <a:rPr lang="sv-SE" smtClean="0"/>
              <a:t>24-08-26</a:t>
            </a:fld>
            <a:endParaRPr lang="sv-SE"/>
          </a:p>
        </p:txBody>
      </p:sp>
      <p:sp>
        <p:nvSpPr>
          <p:cNvPr id="6" name="Footer Placeholder 5" hidden="1">
            <a:extLst>
              <a:ext uri="{FF2B5EF4-FFF2-40B4-BE49-F238E27FC236}">
                <a16:creationId xmlns:a16="http://schemas.microsoft.com/office/drawing/2014/main" id="{43D94025-5046-4A78-B89A-36EAA39D5049}"/>
              </a:ext>
            </a:extLst>
          </p:cNvPr>
          <p:cNvSpPr>
            <a:spLocks noGrp="1"/>
          </p:cNvSpPr>
          <p:nvPr>
            <p:ph type="ftr" sz="quarter" idx="30"/>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sv-SE"/>
              <a:t>Klikk på plassholderen og lim inn bilde via </a:t>
            </a:r>
            <a:r>
              <a:rPr lang="sv-SE" noProof="1"/>
              <a:t>Fotoware</a:t>
            </a:r>
            <a:r>
              <a:rPr lang="sv-SE"/>
              <a:t>-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3522663" cy="2480400"/>
          </a:xfrm>
          <a:solidFill>
            <a:srgbClr val="DADADA"/>
          </a:solidFill>
        </p:spPr>
        <p:txBody>
          <a:bodyPr lIns="72000" tIns="36000" rIns="72000" anchor="t" anchorCtr="0"/>
          <a:lstStyle>
            <a:lvl1pPr marL="0" indent="0" algn="ctr">
              <a:buNone/>
              <a:defRPr sz="1400"/>
            </a:lvl1pPr>
          </a:lstStyle>
          <a:p>
            <a:r>
              <a:rPr lang="sv-SE" noProof="1"/>
              <a:t>Klikk på plassholderen og lim inn bilde via Fotoware-ikonet i Templafy-panelet</a:t>
            </a:r>
            <a:endParaRPr lang="sv-SE"/>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lIns="72000" tIns="36000" rIns="72000" anchor="t" anchorCtr="0"/>
          <a:lstStyle>
            <a:lvl1pPr marL="0" indent="0" algn="ctr">
              <a:buNone/>
              <a:defRPr sz="1400"/>
            </a:lvl1pPr>
          </a:lstStyle>
          <a:p>
            <a:r>
              <a:rPr lang="sv-SE" noProof="1"/>
              <a:t>Klikk på plassholderen og lim inn bilde via Fotoware-ikonet i Templafy-panelet</a:t>
            </a:r>
            <a:endParaRPr lang="sv-SE"/>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8" name="Slide Number Placeholder 7">
            <a:extLst>
              <a:ext uri="{FF2B5EF4-FFF2-40B4-BE49-F238E27FC236}">
                <a16:creationId xmlns:a16="http://schemas.microsoft.com/office/drawing/2014/main" id="{BF463F5F-EFE1-4016-A244-AC724227A76C}"/>
              </a:ext>
            </a:extLst>
          </p:cNvPr>
          <p:cNvSpPr>
            <a:spLocks noGrp="1"/>
          </p:cNvSpPr>
          <p:nvPr>
            <p:ph type="sldNum" sz="quarter" idx="31"/>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4044271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ire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flipH="1">
            <a:off x="0" y="6856915"/>
            <a:ext cx="0" cy="0"/>
          </a:xfrm>
          <a:prstGeom prst="rect">
            <a:avLst/>
          </a:prstGeom>
        </p:spPr>
        <p:txBody>
          <a:bodyPr/>
          <a:lstStyle/>
          <a:p>
            <a:fld id="{FEE04B4F-0236-4E15-8691-6676899C7428}" type="datetime3">
              <a:rPr lang="sv-SE" smtClean="0"/>
              <a:t>24-08-26</a:t>
            </a:fld>
            <a:endParaRPr lang="sv-SE"/>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5421252" cy="2478952"/>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6230940" y="809998"/>
            <a:ext cx="5419723" cy="24804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539750" y="3560400"/>
            <a:ext cx="5419725" cy="24804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6230939" y="3560400"/>
            <a:ext cx="5419724" cy="24804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2237677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em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flipH="1">
            <a:off x="0" y="6856915"/>
            <a:ext cx="0" cy="0"/>
          </a:xfrm>
          <a:prstGeom prst="rect">
            <a:avLst/>
          </a:prstGeom>
        </p:spPr>
        <p:txBody>
          <a:bodyPr/>
          <a:lstStyle/>
          <a:p>
            <a:fld id="{FEE04B4F-0236-4E15-8691-6676899C7428}" type="datetime3">
              <a:rPr lang="sv-SE" smtClean="0"/>
              <a:t>24-08-26</a:t>
            </a:fld>
            <a:endParaRPr lang="sv-SE"/>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1625601" cy="24804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10000"/>
            <a:ext cx="1627187" cy="11160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9" name="Picture Placeholder 5">
            <a:extLst>
              <a:ext uri="{FF2B5EF4-FFF2-40B4-BE49-F238E27FC236}">
                <a16:creationId xmlns:a16="http://schemas.microsoft.com/office/drawing/2014/main" id="{30808F22-C2ED-4B8C-ACF1-2B5167DFE5CE}"/>
              </a:ext>
            </a:extLst>
          </p:cNvPr>
          <p:cNvSpPr>
            <a:spLocks noGrp="1"/>
          </p:cNvSpPr>
          <p:nvPr>
            <p:ph type="pic" sz="quarter" idx="30" hasCustomPrompt="1"/>
          </p:nvPr>
        </p:nvSpPr>
        <p:spPr>
          <a:xfrm>
            <a:off x="10023476" y="2174398"/>
            <a:ext cx="1627187" cy="11160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0" name="Title 1">
            <a:extLst>
              <a:ext uri="{FF2B5EF4-FFF2-40B4-BE49-F238E27FC236}">
                <a16:creationId xmlns:a16="http://schemas.microsoft.com/office/drawing/2014/main" id="{225396D8-879D-4B2D-B7C8-3D59AA4BAC10}"/>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41304160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ks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3EDC79EB-E94E-4BA8-8FEE-16D41D2AA252}"/>
              </a:ext>
            </a:extLst>
          </p:cNvPr>
          <p:cNvSpPr>
            <a:spLocks noGrp="1"/>
          </p:cNvSpPr>
          <p:nvPr>
            <p:ph type="dt" sz="half" idx="32"/>
          </p:nvPr>
        </p:nvSpPr>
        <p:spPr>
          <a:xfrm flipH="1">
            <a:off x="0" y="6856915"/>
            <a:ext cx="0" cy="0"/>
          </a:xfrm>
          <a:prstGeom prst="rect">
            <a:avLst/>
          </a:prstGeom>
        </p:spPr>
        <p:txBody>
          <a:bodyPr/>
          <a:lstStyle/>
          <a:p>
            <a:fld id="{77FD16C9-AF19-4CF6-ACD6-500227C5855C}" type="datetime3">
              <a:rPr lang="sv-SE" smtClean="0"/>
              <a:t>24-08-26</a:t>
            </a:fld>
            <a:endParaRPr lang="sv-SE"/>
          </a:p>
        </p:txBody>
      </p:sp>
      <p:sp>
        <p:nvSpPr>
          <p:cNvPr id="6" name="Footer Placeholder 5" hidden="1">
            <a:extLst>
              <a:ext uri="{FF2B5EF4-FFF2-40B4-BE49-F238E27FC236}">
                <a16:creationId xmlns:a16="http://schemas.microsoft.com/office/drawing/2014/main" id="{4CCDE022-BFFF-4556-A5CE-C02E361B49DD}"/>
              </a:ext>
            </a:extLst>
          </p:cNvPr>
          <p:cNvSpPr>
            <a:spLocks noGrp="1"/>
          </p:cNvSpPr>
          <p:nvPr>
            <p:ph type="ftr" sz="quarter" idx="33"/>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2574925" cy="3844802"/>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04425"/>
            <a:ext cx="1627188" cy="1116000"/>
          </a:xfrm>
          <a:solidFill>
            <a:srgbClr val="DADADA"/>
          </a:solidFill>
        </p:spPr>
        <p:txBody>
          <a:bodyPr tIns="36000" anchor="t" anchorCtr="0"/>
          <a:lstStyle>
            <a:lvl1pPr marL="0" indent="0" algn="ctr">
              <a:buNone/>
              <a:defRPr sz="1000"/>
            </a:lvl1pPr>
          </a:lstStyle>
          <a:p>
            <a:r>
              <a:rPr lang="sv-SE"/>
              <a:t>Klikk på plassholderen og lim inn bilde via </a:t>
            </a:r>
            <a:r>
              <a:rPr lang="sv-SE" noProof="1"/>
              <a:t>Fotoware</a:t>
            </a:r>
            <a:r>
              <a:rPr lang="sv-SE"/>
              <a:t>-ikonet i Templafy-panelet</a:t>
            </a:r>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ct val="0"/>
              </a:spcAft>
              <a:buNone/>
              <a:defRPr sz="1000"/>
            </a:lvl1pPr>
          </a:lstStyle>
          <a:p>
            <a:r>
              <a:rPr lang="sv-SE"/>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8" name="Slide Number Placeholder 7">
            <a:extLst>
              <a:ext uri="{FF2B5EF4-FFF2-40B4-BE49-F238E27FC236}">
                <a16:creationId xmlns:a16="http://schemas.microsoft.com/office/drawing/2014/main" id="{66256E9F-4453-44F8-A417-02EEC71690F2}"/>
              </a:ext>
            </a:extLst>
          </p:cNvPr>
          <p:cNvSpPr>
            <a:spLocks noGrp="1"/>
          </p:cNvSpPr>
          <p:nvPr>
            <p:ph type="sldNum" sz="quarter" idx="34"/>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39213149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telslide hvit">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sv-SE"/>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sv-SE"/>
              <a:t>Klikk på plassholderen og lim inn bilde via Fotoware-ikonet i Templafy-panelet</a:t>
            </a:r>
          </a:p>
        </p:txBody>
      </p:sp>
      <p:sp>
        <p:nvSpPr>
          <p:cNvPr id="12" name="Title 1">
            <a:extLst>
              <a:ext uri="{FF2B5EF4-FFF2-40B4-BE49-F238E27FC236}">
                <a16:creationId xmlns:a16="http://schemas.microsoft.com/office/drawing/2014/main" id="{686AADB3-A38D-4A3A-3FCC-29E45B309B9A}"/>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accent1"/>
                </a:solidFill>
              </a:defRPr>
            </a:lvl1pPr>
          </a:lstStyle>
          <a:p>
            <a:r>
              <a:rPr lang="sv-SE"/>
              <a:t>Forside tittel</a:t>
            </a:r>
            <a:br>
              <a:rPr lang="nb-NO"/>
            </a:br>
            <a:r>
              <a:rPr lang="sv-SE"/>
              <a:t>max 3 rader lång</a:t>
            </a:r>
          </a:p>
        </p:txBody>
      </p:sp>
      <p:sp>
        <p:nvSpPr>
          <p:cNvPr id="13" name="Text Placeholder 3">
            <a:extLst>
              <a:ext uri="{FF2B5EF4-FFF2-40B4-BE49-F238E27FC236}">
                <a16:creationId xmlns:a16="http://schemas.microsoft.com/office/drawing/2014/main" id="{4C68F785-FE13-80A3-34AE-2559ABF163B7}"/>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tx2"/>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a:t>Klikk for å legge til dato eller tekst</a:t>
            </a:r>
          </a:p>
        </p:txBody>
      </p:sp>
      <p:sp>
        <p:nvSpPr>
          <p:cNvPr id="14" name="Text Placeholder 5">
            <a:extLst>
              <a:ext uri="{FF2B5EF4-FFF2-40B4-BE49-F238E27FC236}">
                <a16:creationId xmlns:a16="http://schemas.microsoft.com/office/drawing/2014/main" id="{3F3FA4F5-73A8-F17F-6982-4CD328A5DE36}"/>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defRPr sz="1200">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a:t>Klikk for å legge til presentatørens navn eller tekst</a:t>
            </a:r>
          </a:p>
        </p:txBody>
      </p:sp>
    </p:spTree>
    <p:extLst>
      <p:ext uri="{BB962C8B-B14F-4D97-AF65-F5344CB8AC3E}">
        <p14:creationId xmlns:p14="http://schemas.microsoft.com/office/powerpoint/2010/main" val="42592743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hf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ks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6CE5F2A-43B9-4C2F-B865-F1C53C5A1852}"/>
              </a:ext>
            </a:extLst>
          </p:cNvPr>
          <p:cNvSpPr>
            <a:spLocks noGrp="1"/>
          </p:cNvSpPr>
          <p:nvPr>
            <p:ph type="dt" sz="half" idx="32"/>
          </p:nvPr>
        </p:nvSpPr>
        <p:spPr>
          <a:xfrm flipH="1">
            <a:off x="0" y="6856915"/>
            <a:ext cx="0" cy="0"/>
          </a:xfrm>
          <a:prstGeom prst="rect">
            <a:avLst/>
          </a:prstGeom>
        </p:spPr>
        <p:txBody>
          <a:bodyPr/>
          <a:lstStyle/>
          <a:p>
            <a:fld id="{E44D0E14-926B-4FE6-B240-8B2D82A3974C}" type="datetime3">
              <a:rPr lang="sv-SE" smtClean="0"/>
              <a:t>24-08-26</a:t>
            </a:fld>
            <a:endParaRPr lang="sv-SE"/>
          </a:p>
        </p:txBody>
      </p:sp>
      <p:sp>
        <p:nvSpPr>
          <p:cNvPr id="6" name="Footer Placeholder 5" hidden="1">
            <a:extLst>
              <a:ext uri="{FF2B5EF4-FFF2-40B4-BE49-F238E27FC236}">
                <a16:creationId xmlns:a16="http://schemas.microsoft.com/office/drawing/2014/main" id="{80A868E5-C1EE-413F-85AF-0C8445F46B3D}"/>
              </a:ext>
            </a:extLst>
          </p:cNvPr>
          <p:cNvSpPr>
            <a:spLocks noGrp="1"/>
          </p:cNvSpPr>
          <p:nvPr>
            <p:ph type="ftr" sz="quarter" idx="33"/>
          </p:nvPr>
        </p:nvSpPr>
        <p:spPr/>
        <p:txBody>
          <a:bodyPr/>
          <a:lstStyle/>
          <a:p>
            <a:endParaRPr lang="sv-SE"/>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4471988" cy="11160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2196000"/>
            <a:ext cx="2574925" cy="24588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sv-SE"/>
              <a:t>Klikk på plassholderen og lim inn bilde via Fotoware-ikonet i Templafy-panelet</a:t>
            </a:r>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ct val="0"/>
              </a:spcAft>
              <a:buNone/>
              <a:defRPr sz="1000"/>
            </a:lvl1pPr>
          </a:lstStyle>
          <a:p>
            <a:r>
              <a:rPr lang="sv-SE"/>
              <a:t>Klikk på plassholderen og lim inn bilde via Fotoware-ikonet i Templafy-panelet</a:t>
            </a:r>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sv-SE"/>
              <a:t>Klikk for å legge til tittel, skriv ord med fet skrift for å utheve </a:t>
            </a:r>
          </a:p>
        </p:txBody>
      </p:sp>
      <p:sp>
        <p:nvSpPr>
          <p:cNvPr id="8" name="Slide Number Placeholder 7">
            <a:extLst>
              <a:ext uri="{FF2B5EF4-FFF2-40B4-BE49-F238E27FC236}">
                <a16:creationId xmlns:a16="http://schemas.microsoft.com/office/drawing/2014/main" id="{0A774E7D-D92E-49A0-81B2-899ADC55E432}"/>
              </a:ext>
            </a:extLst>
          </p:cNvPr>
          <p:cNvSpPr>
            <a:spLocks noGrp="1"/>
          </p:cNvSpPr>
          <p:nvPr>
            <p:ph type="sldNum" sz="quarter" idx="34"/>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2311799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nnhold og to bilder (A)">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391F5A8A-361F-4F93-9578-5A477838939A}"/>
              </a:ext>
            </a:extLst>
          </p:cNvPr>
          <p:cNvSpPr>
            <a:spLocks noGrp="1"/>
          </p:cNvSpPr>
          <p:nvPr>
            <p:ph type="dt" sz="half" idx="24"/>
          </p:nvPr>
        </p:nvSpPr>
        <p:spPr>
          <a:xfrm flipH="1">
            <a:off x="0" y="6856915"/>
            <a:ext cx="0" cy="0"/>
          </a:xfrm>
          <a:prstGeom prst="rect">
            <a:avLst/>
          </a:prstGeom>
        </p:spPr>
        <p:txBody>
          <a:bodyPr/>
          <a:lstStyle/>
          <a:p>
            <a:fld id="{017C894B-204F-43D4-AD56-587747234AC8}" type="datetime3">
              <a:rPr lang="sv-SE" smtClean="0"/>
              <a:t>24-08-26</a:t>
            </a:fld>
            <a:endParaRPr lang="sv-SE"/>
          </a:p>
        </p:txBody>
      </p:sp>
      <p:sp>
        <p:nvSpPr>
          <p:cNvPr id="9" name="Footer Placeholder 8" hidden="1">
            <a:extLst>
              <a:ext uri="{FF2B5EF4-FFF2-40B4-BE49-F238E27FC236}">
                <a16:creationId xmlns:a16="http://schemas.microsoft.com/office/drawing/2014/main" id="{592EC3FC-056D-482A-B795-51B28CF913E8}"/>
              </a:ext>
            </a:extLst>
          </p:cNvPr>
          <p:cNvSpPr>
            <a:spLocks noGrp="1"/>
          </p:cNvSpPr>
          <p:nvPr>
            <p:ph type="ftr" sz="quarter" idx="25"/>
          </p:nvPr>
        </p:nvSpPr>
        <p:spPr/>
        <p:txBody>
          <a:bodyPr/>
          <a:lstStyle/>
          <a:p>
            <a:endParaRPr lang="sv-SE"/>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809625"/>
            <a:ext cx="1622323" cy="5229226"/>
          </a:xfrm>
          <a:solidFill>
            <a:srgbClr val="DADADA"/>
          </a:solidFill>
        </p:spPr>
        <p:txBody>
          <a:bodyPr lIns="72000" tIns="36000" rIns="72000" anchor="t" anchorCtr="0"/>
          <a:lstStyle>
            <a:lvl1pPr marL="0" indent="0" algn="ctr">
              <a:buNone/>
              <a:defRPr sz="1000"/>
            </a:lvl1pPr>
          </a:lstStyle>
          <a:p>
            <a:r>
              <a:rPr lang="sv-SE"/>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809625"/>
            <a:ext cx="3519917" cy="5229226"/>
          </a:xfrm>
          <a:solidFill>
            <a:srgbClr val="DADADA"/>
          </a:solidFill>
        </p:spPr>
        <p:txBody>
          <a:bodyPr lIns="72000" tIns="36000" rIns="72000" anchor="t" anchorCtr="0"/>
          <a:lstStyle>
            <a:lvl1pPr marL="0" indent="0" algn="ctr">
              <a:buNone/>
              <a:defRPr sz="1000"/>
            </a:lvl1pPr>
          </a:lstStyle>
          <a:p>
            <a:r>
              <a:rPr lang="sv-SE"/>
              <a:t>Klikk på plassholderen og lim inn bilde via Fotoware-ikonet i Templafy-panelet</a:t>
            </a:r>
          </a:p>
        </p:txBody>
      </p:sp>
      <p:sp>
        <p:nvSpPr>
          <p:cNvPr id="10" name="Title 1">
            <a:extLst>
              <a:ext uri="{FF2B5EF4-FFF2-40B4-BE49-F238E27FC236}">
                <a16:creationId xmlns:a16="http://schemas.microsoft.com/office/drawing/2014/main" id="{B871B9E7-3224-65F7-48F2-465EBEFFB0EC}"/>
              </a:ext>
            </a:extLst>
          </p:cNvPr>
          <p:cNvSpPr>
            <a:spLocks noGrp="1"/>
          </p:cNvSpPr>
          <p:nvPr>
            <p:ph type="title" hasCustomPrompt="1"/>
          </p:nvPr>
        </p:nvSpPr>
        <p:spPr>
          <a:xfrm>
            <a:off x="539999" y="554400"/>
            <a:ext cx="4741200" cy="1065600"/>
          </a:xfrm>
        </p:spPr>
        <p:txBody>
          <a:bodyPr/>
          <a:lstStyle/>
          <a:p>
            <a:r>
              <a:rPr lang="sv-SE"/>
              <a:t>Tittel første linje</a:t>
            </a:r>
          </a:p>
        </p:txBody>
      </p:sp>
      <p:sp>
        <p:nvSpPr>
          <p:cNvPr id="11" name="Subtitle 2">
            <a:extLst>
              <a:ext uri="{FF2B5EF4-FFF2-40B4-BE49-F238E27FC236}">
                <a16:creationId xmlns:a16="http://schemas.microsoft.com/office/drawing/2014/main" id="{3488323C-8BBD-92E2-46E1-8FD1B7AC4EFE}"/>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2" name="Slide Number Placeholder 11">
            <a:extLst>
              <a:ext uri="{FF2B5EF4-FFF2-40B4-BE49-F238E27FC236}">
                <a16:creationId xmlns:a16="http://schemas.microsoft.com/office/drawing/2014/main" id="{F3D03691-6E83-4AB4-A728-44FFD3E8FB95}"/>
              </a:ext>
            </a:extLst>
          </p:cNvPr>
          <p:cNvSpPr>
            <a:spLocks noGrp="1"/>
          </p:cNvSpPr>
          <p:nvPr>
            <p:ph type="sldNum" sz="quarter" idx="26"/>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7998157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Innhold og to bild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6915"/>
            <a:ext cx="0" cy="0"/>
          </a:xfrm>
          <a:prstGeom prst="rect">
            <a:avLst/>
          </a:prstGeom>
        </p:spPr>
        <p:txBody>
          <a:bodyPr/>
          <a:lstStyle/>
          <a:p>
            <a:fld id="{A80F205D-3DFE-461B-AECC-6BD8FB102F20}" type="datetime3">
              <a:rPr lang="sv-SE" smtClean="0"/>
              <a:t>24-08-26</a:t>
            </a:fld>
            <a:endParaRPr lang="sv-SE"/>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sv-SE"/>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0"/>
            <a:ext cx="2571648" cy="6858000"/>
          </a:xfrm>
          <a:solidFill>
            <a:srgbClr val="DADADA"/>
          </a:solidFill>
        </p:spPr>
        <p:txBody>
          <a:bodyPr lIns="72000" tIns="36000" rIns="72000" anchor="t" anchorCtr="0"/>
          <a:lstStyle>
            <a:lvl1pPr marL="0" indent="0" algn="ctr">
              <a:buNone/>
              <a:defRPr sz="1100"/>
            </a:lvl1pPr>
          </a:lstStyle>
          <a:p>
            <a:r>
              <a:rPr lang="sv-SE"/>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9075738" y="0"/>
            <a:ext cx="2574925" cy="6858000"/>
          </a:xfrm>
          <a:solidFill>
            <a:srgbClr val="DADADA"/>
          </a:solidFill>
        </p:spPr>
        <p:txBody>
          <a:bodyPr lIns="72000" tIns="36000" rIns="72000" anchor="t" anchorCtr="0"/>
          <a:lstStyle>
            <a:lvl1pPr marL="0" indent="0" algn="ctr">
              <a:buNone/>
              <a:defRPr sz="1100"/>
            </a:lvl1pPr>
          </a:lstStyle>
          <a:p>
            <a:r>
              <a:rPr lang="sv-SE"/>
              <a:t>Klikk på plassholderen og lim inn bilde via Fotoware-ikonet i Templafy-panelet</a:t>
            </a:r>
          </a:p>
        </p:txBody>
      </p:sp>
      <p:sp>
        <p:nvSpPr>
          <p:cNvPr id="12" name="Title 1">
            <a:extLst>
              <a:ext uri="{FF2B5EF4-FFF2-40B4-BE49-F238E27FC236}">
                <a16:creationId xmlns:a16="http://schemas.microsoft.com/office/drawing/2014/main" id="{F5FC11E2-E8FF-C2B4-6615-7A4F5A211461}"/>
              </a:ext>
            </a:extLst>
          </p:cNvPr>
          <p:cNvSpPr>
            <a:spLocks noGrp="1"/>
          </p:cNvSpPr>
          <p:nvPr>
            <p:ph type="title" hasCustomPrompt="1"/>
          </p:nvPr>
        </p:nvSpPr>
        <p:spPr>
          <a:xfrm>
            <a:off x="539999" y="554400"/>
            <a:ext cx="4741200" cy="1065600"/>
          </a:xfrm>
        </p:spPr>
        <p:txBody>
          <a:bodyPr/>
          <a:lstStyle/>
          <a:p>
            <a:r>
              <a:rPr lang="sv-SE"/>
              <a:t>Tittel første linje</a:t>
            </a:r>
          </a:p>
        </p:txBody>
      </p:sp>
      <p:sp>
        <p:nvSpPr>
          <p:cNvPr id="13" name="Subtitle 2">
            <a:extLst>
              <a:ext uri="{FF2B5EF4-FFF2-40B4-BE49-F238E27FC236}">
                <a16:creationId xmlns:a16="http://schemas.microsoft.com/office/drawing/2014/main" id="{1098B427-072D-954E-170A-EFEB3F7622C5}"/>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0" name="Text Placeholder 11">
            <a:extLst>
              <a:ext uri="{FF2B5EF4-FFF2-40B4-BE49-F238E27FC236}">
                <a16:creationId xmlns:a16="http://schemas.microsoft.com/office/drawing/2014/main" id="{07EB60DA-6BA4-4156-BD2E-22902119FC24}"/>
              </a:ext>
            </a:extLst>
          </p:cNvPr>
          <p:cNvSpPr>
            <a:spLocks noGrp="1"/>
          </p:cNvSpPr>
          <p:nvPr>
            <p:ph type="body" sz="quarter" idx="22" hasCustomPrompt="1"/>
          </p:nvPr>
        </p:nvSpPr>
        <p:spPr>
          <a:xfrm>
            <a:off x="9354065" y="6328800"/>
            <a:ext cx="1755261" cy="158400"/>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sv-SE" smtClean="0"/>
              <a:t>‹#›</a:t>
            </a:fld>
            <a:endParaRPr lang="sv-SE"/>
          </a:p>
        </p:txBody>
      </p:sp>
      <p:sp>
        <p:nvSpPr>
          <p:cNvPr id="11" name="Footer" descr="{&quot;templafy&quot;:{&quot;id&quot;:&quot;aaf3d56f-6298-4e7c-bd87-bead85bfe2d1&quot;}}" title="Footer">
            <a:extLst>
              <a:ext uri="{FF2B5EF4-FFF2-40B4-BE49-F238E27FC236}">
                <a16:creationId xmlns:a16="http://schemas.microsoft.com/office/drawing/2014/main" id="{E22ED7D3-2261-4D1B-842E-C838FBA63B3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err="1">
              <a:solidFill>
                <a:schemeClr val="tx1"/>
              </a:solidFill>
            </a:endParaRPr>
          </a:p>
        </p:txBody>
      </p:sp>
    </p:spTree>
    <p:extLst>
      <p:ext uri="{BB962C8B-B14F-4D97-AF65-F5344CB8AC3E}">
        <p14:creationId xmlns:p14="http://schemas.microsoft.com/office/powerpoint/2010/main" val="2059701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o bilder og bilde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6915"/>
            <a:ext cx="0" cy="0"/>
          </a:xfrm>
          <a:prstGeom prst="rect">
            <a:avLst/>
          </a:prstGeom>
        </p:spPr>
        <p:txBody>
          <a:bodyPr/>
          <a:lstStyle/>
          <a:p>
            <a:fld id="{F2B02CBB-BF21-4405-A087-9589FACABDD8}" type="datetime3">
              <a:rPr lang="sv-SE" smtClean="0"/>
              <a:t>24-08-26</a:t>
            </a:fld>
            <a:endParaRPr lang="sv-SE"/>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flipH="1">
            <a:off x="0" y="6856915"/>
            <a:ext cx="0" cy="0"/>
          </a:xfrm>
        </p:spPr>
        <p:txBody>
          <a:bodyPr/>
          <a:lstStyle/>
          <a:p>
            <a:endParaRPr lang="sv-SE"/>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flipH="1">
            <a:off x="0" y="6856915"/>
            <a:ext cx="0" cy="0"/>
          </a:xfrm>
        </p:spPr>
        <p:txBody>
          <a:bodyPr/>
          <a:lstStyle>
            <a:lvl1pPr>
              <a:defRPr>
                <a:noFill/>
              </a:defRPr>
            </a:lvl1pPr>
          </a:lstStyle>
          <a:p>
            <a:fld id="{24C8C45C-947F-4981-8B3F-4F32E973C901}" type="slidenum">
              <a:rPr lang="sv-SE" smtClean="0"/>
              <a:t>‹#›</a:t>
            </a:fld>
            <a:endParaRPr lang="sv-SE"/>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6369050" cy="68580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7178675" y="0"/>
            <a:ext cx="2574925" cy="6858000"/>
          </a:xfrm>
          <a:solidFill>
            <a:srgbClr val="DADADA"/>
          </a:solidFill>
        </p:spPr>
        <p:txBody>
          <a:bodyPr lIns="72000" tIns="36000" rIns="72000" anchor="t" anchorCtr="0"/>
          <a:lstStyle>
            <a:lvl1pPr marL="0" indent="0" algn="ctr">
              <a:buNone/>
              <a:defRPr sz="1400"/>
            </a:lvl1pPr>
          </a:lstStyle>
          <a:p>
            <a:r>
              <a:rPr lang="sv-SE"/>
              <a:t>Klikk på plassholderen og lim inn bilde via Fotoware-ikonet i Templafy-panelet</a:t>
            </a:r>
          </a:p>
        </p:txBody>
      </p:sp>
      <p:sp>
        <p:nvSpPr>
          <p:cNvPr id="11" name="Text Placeholder 7">
            <a:extLst>
              <a:ext uri="{FF2B5EF4-FFF2-40B4-BE49-F238E27FC236}">
                <a16:creationId xmlns:a16="http://schemas.microsoft.com/office/drawing/2014/main" id="{0CEB25E4-C5DE-4AC8-B1BD-ECF1AE85413D}"/>
              </a:ext>
            </a:extLst>
          </p:cNvPr>
          <p:cNvSpPr>
            <a:spLocks noGrp="1"/>
          </p:cNvSpPr>
          <p:nvPr>
            <p:ph type="body" sz="quarter" idx="24" hasCustomPrompt="1"/>
          </p:nvPr>
        </p:nvSpPr>
        <p:spPr>
          <a:xfrm>
            <a:off x="10023602" y="2151437"/>
            <a:ext cx="1627062" cy="1995487"/>
          </a:xfrm>
        </p:spPr>
        <p:txBody>
          <a:bodyPr/>
          <a:lstStyle>
            <a:lvl1pPr marL="0" indent="0">
              <a:buFont typeface="Veidekke Favorit Offc" panose="020B0504030202060203" pitchFamily="34" charset="0"/>
              <a:buChar char="​"/>
              <a:defRPr sz="800"/>
            </a:lvl1pPr>
            <a:lvl2pPr marL="215900" indent="-215900">
              <a:defRPr sz="800"/>
            </a:lvl2pPr>
            <a:lvl3pPr marL="432000">
              <a:defRPr sz="800"/>
            </a:lvl3pPr>
            <a:lvl4pPr>
              <a:defRPr sz="800"/>
            </a:lvl4pPr>
            <a:lvl5pPr>
              <a:defRPr sz="800"/>
            </a:lvl5pPr>
            <a:lvl6pPr>
              <a:defRPr sz="800"/>
            </a:lvl6pPr>
            <a:lvl7pPr>
              <a:defRPr sz="800"/>
            </a:lvl7pPr>
            <a:lvl8pPr>
              <a:defRPr sz="800"/>
            </a:lvl8pPr>
            <a:lvl9pPr>
              <a:defRPr sz="800"/>
            </a:lvl9pPr>
          </a:lstStyle>
          <a:p>
            <a:pPr lvl="0"/>
            <a:r>
              <a:rPr lang="sv-SE" noProof="0"/>
              <a:t>Klikk for å legge til tekst</a:t>
            </a:r>
            <a:endParaRPr lang="sv-SE"/>
          </a:p>
          <a:p>
            <a:pPr lvl="1"/>
            <a:r>
              <a:rPr lang="sv-SE"/>
              <a:t>Second level</a:t>
            </a:r>
          </a:p>
          <a:p>
            <a:pPr lvl="2"/>
            <a:r>
              <a:rPr lang="sv-SE"/>
              <a:t>Third level</a:t>
            </a:r>
          </a:p>
          <a:p>
            <a:pPr lvl="3"/>
            <a:r>
              <a:rPr lang="sv-SE"/>
              <a:t>Fourth level</a:t>
            </a:r>
          </a:p>
          <a:p>
            <a:pPr lvl="4"/>
            <a:r>
              <a:rPr lang="sv-SE"/>
              <a:t>Fifth level</a:t>
            </a:r>
          </a:p>
          <a:p>
            <a:pPr lvl="5"/>
            <a:r>
              <a:rPr lang="sv-SE"/>
              <a:t>6</a:t>
            </a:r>
          </a:p>
          <a:p>
            <a:pPr lvl="6"/>
            <a:r>
              <a:rPr lang="sv-SE"/>
              <a:t>7</a:t>
            </a:r>
          </a:p>
          <a:p>
            <a:pPr lvl="7"/>
            <a:r>
              <a:rPr lang="sv-SE"/>
              <a:t>8</a:t>
            </a:r>
          </a:p>
          <a:p>
            <a:pPr lvl="8"/>
            <a:r>
              <a:rPr lang="sv-SE"/>
              <a:t>9</a:t>
            </a:r>
          </a:p>
        </p:txBody>
      </p:sp>
    </p:spTree>
    <p:extLst>
      <p:ext uri="{BB962C8B-B14F-4D97-AF65-F5344CB8AC3E}">
        <p14:creationId xmlns:p14="http://schemas.microsoft.com/office/powerpoint/2010/main" val="15673409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re bilder + tittel">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flipH="1">
            <a:off x="0" y="6858000"/>
            <a:ext cx="0" cy="0"/>
          </a:xfrm>
          <a:prstGeom prst="rect">
            <a:avLst/>
          </a:prstGeom>
        </p:spPr>
        <p:txBody>
          <a:bodyPr/>
          <a:lstStyle>
            <a:lvl1pPr>
              <a:defRPr>
                <a:noFill/>
              </a:defRPr>
            </a:lvl1pPr>
          </a:lstStyle>
          <a:p>
            <a:fld id="{75A0AB07-EEB6-4F17-9371-884A24383D97}" type="datetime3">
              <a:rPr lang="sv-SE" smtClean="0"/>
              <a:t>24-08-26</a:t>
            </a:fld>
            <a:endParaRPr lang="sv-SE"/>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flipH="1">
            <a:off x="0" y="6858000"/>
            <a:ext cx="0" cy="0"/>
          </a:xfrm>
        </p:spPr>
        <p:txBody>
          <a:bodyPr/>
          <a:lstStyle>
            <a:lvl1pPr>
              <a:defRPr>
                <a:noFill/>
              </a:defRPr>
            </a:lvl1pPr>
          </a:lstStyle>
          <a:p>
            <a:endParaRPr lang="sv-SE"/>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flipH="1">
            <a:off x="0" y="6858000"/>
            <a:ext cx="0" cy="0"/>
          </a:xfrm>
        </p:spPr>
        <p:txBody>
          <a:bodyPr/>
          <a:lstStyle>
            <a:lvl1pPr>
              <a:defRPr>
                <a:noFill/>
              </a:defRPr>
            </a:lvl1pPr>
          </a:lstStyle>
          <a:p>
            <a:fld id="{24C8C45C-947F-4981-8B3F-4F32E973C901}" type="slidenum">
              <a:rPr lang="sv-SE" smtClean="0"/>
              <a:t>‹#›</a:t>
            </a:fld>
            <a:endParaRPr lang="sv-SE"/>
          </a:p>
        </p:txBody>
      </p:sp>
      <p:sp>
        <p:nvSpPr>
          <p:cNvPr id="14" name="Picture Placeholder 1">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2574925" cy="6858000"/>
          </a:xfrm>
          <a:solidFill>
            <a:srgbClr val="DADADA"/>
          </a:solidFill>
        </p:spPr>
        <p:txBody>
          <a:bodyPr lIns="72000" tIns="36000" rIns="72000" anchor="t" anchorCtr="0"/>
          <a:lstStyle>
            <a:lvl1pPr marL="0" indent="0" algn="ctr">
              <a:buNone/>
              <a:defRPr sz="1200"/>
            </a:lvl1pPr>
          </a:lstStyle>
          <a:p>
            <a:r>
              <a:rPr lang="sv-SE"/>
              <a:t>Klikk på plassholderen og lim inn bilde via Fotoware-ikonet i Templafy-panelet</a:t>
            </a: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3384550" y="0"/>
            <a:ext cx="2574925" cy="6858000"/>
          </a:xfrm>
          <a:solidFill>
            <a:srgbClr val="DADADA"/>
          </a:solidFill>
        </p:spPr>
        <p:txBody>
          <a:bodyPr lIns="72000" tIns="36000" rIns="72000" anchor="t" anchorCtr="0"/>
          <a:lstStyle>
            <a:lvl1pPr marL="0" indent="0" algn="ctr">
              <a:buNone/>
              <a:defRPr sz="1200"/>
            </a:lvl1pPr>
          </a:lstStyle>
          <a:p>
            <a:r>
              <a:rPr lang="sv-SE"/>
              <a:t>Klikk på plassholderen og lim inn bilde via Fotoware-ikonet i Templafy-panelet</a:t>
            </a:r>
          </a:p>
        </p:txBody>
      </p:sp>
      <p:sp>
        <p:nvSpPr>
          <p:cNvPr id="9" name="Picture Placeholder 3">
            <a:extLst>
              <a:ext uri="{FF2B5EF4-FFF2-40B4-BE49-F238E27FC236}">
                <a16:creationId xmlns:a16="http://schemas.microsoft.com/office/drawing/2014/main" id="{0865ED55-9F80-4D09-9F18-69E8FE332B43}"/>
              </a:ext>
            </a:extLst>
          </p:cNvPr>
          <p:cNvSpPr>
            <a:spLocks noGrp="1"/>
          </p:cNvSpPr>
          <p:nvPr>
            <p:ph type="pic" sz="quarter" idx="25" hasCustomPrompt="1"/>
          </p:nvPr>
        </p:nvSpPr>
        <p:spPr>
          <a:xfrm>
            <a:off x="6230938" y="0"/>
            <a:ext cx="2574925" cy="6858000"/>
          </a:xfrm>
          <a:solidFill>
            <a:srgbClr val="DADADA"/>
          </a:solidFill>
        </p:spPr>
        <p:txBody>
          <a:bodyPr lIns="72000" tIns="36000" rIns="72000" anchor="t" anchorCtr="0"/>
          <a:lstStyle>
            <a:lvl1pPr marL="0" indent="0" algn="ctr">
              <a:buNone/>
              <a:defRPr sz="1200"/>
            </a:lvl1pPr>
          </a:lstStyle>
          <a:p>
            <a:r>
              <a:rPr lang="sv-SE"/>
              <a:t>Klikk på plassholderen og lim inn bilde via Fotoware-ikonet i Templafy-panelet</a:t>
            </a:r>
          </a:p>
        </p:txBody>
      </p:sp>
      <p:sp>
        <p:nvSpPr>
          <p:cNvPr id="10" name="Title 1">
            <a:extLst>
              <a:ext uri="{FF2B5EF4-FFF2-40B4-BE49-F238E27FC236}">
                <a16:creationId xmlns:a16="http://schemas.microsoft.com/office/drawing/2014/main" id="{B9EBA490-A8D7-48E5-B924-D5BF3542AF7B}"/>
              </a:ext>
            </a:extLst>
          </p:cNvPr>
          <p:cNvSpPr>
            <a:spLocks noGrp="1"/>
          </p:cNvSpPr>
          <p:nvPr>
            <p:ph type="title" hasCustomPrompt="1"/>
          </p:nvPr>
        </p:nvSpPr>
        <p:spPr>
          <a:xfrm>
            <a:off x="9437077" y="809625"/>
            <a:ext cx="2213585" cy="5229225"/>
          </a:xfrm>
        </p:spPr>
        <p:txBody>
          <a:bodyPr/>
          <a:lstStyle>
            <a:lvl1pPr>
              <a:defRPr b="0">
                <a:solidFill>
                  <a:schemeClr val="accent2"/>
                </a:solidFill>
              </a:defRPr>
            </a:lvl1pPr>
          </a:lstStyle>
          <a:p>
            <a:r>
              <a:rPr lang="sv-SE"/>
              <a:t>Klikk for å legge til tittel, skriv ord med fet skrift for å utheve </a:t>
            </a:r>
          </a:p>
        </p:txBody>
      </p:sp>
      <p:sp>
        <p:nvSpPr>
          <p:cNvPr id="11" name="Text Placeholder 11">
            <a:extLst>
              <a:ext uri="{FF2B5EF4-FFF2-40B4-BE49-F238E27FC236}">
                <a16:creationId xmlns:a16="http://schemas.microsoft.com/office/drawing/2014/main" id="{DC117C6B-FC77-D13B-4339-DF73145B38BE}"/>
              </a:ext>
            </a:extLst>
          </p:cNvPr>
          <p:cNvSpPr>
            <a:spLocks noGrp="1"/>
          </p:cNvSpPr>
          <p:nvPr>
            <p:ph type="body" sz="quarter" idx="18" hasCustomPrompt="1"/>
          </p:nvPr>
        </p:nvSpPr>
        <p:spPr>
          <a:xfrm>
            <a:off x="6501600" y="6328800"/>
            <a:ext cx="2125217" cy="159462"/>
          </a:xfrm>
          <a:noFill/>
        </p:spPr>
        <p:txBody>
          <a:bodyPr wrap="square" lIns="0" tIns="36000" rIns="0" bIns="0" anchor="t" anchorCtr="0">
            <a:spAutoFit/>
          </a:bodyPr>
          <a:lstStyle>
            <a:lvl1pPr marL="0" indent="0" algn="r">
              <a:buFontTx/>
              <a:buNone/>
              <a:defRPr lang="en-GB" sz="800" b="1" kern="1200" spc="-30" baseline="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sv-SE"/>
              <a:t>Klikk for å legge til bildetekst </a:t>
            </a:r>
          </a:p>
        </p:txBody>
      </p:sp>
    </p:spTree>
    <p:extLst>
      <p:ext uri="{BB962C8B-B14F-4D97-AF65-F5344CB8AC3E}">
        <p14:creationId xmlns:p14="http://schemas.microsoft.com/office/powerpoint/2010/main" val="2388375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sv-SE"/>
          </a:p>
        </p:txBody>
      </p:sp>
      <p:sp>
        <p:nvSpPr>
          <p:cNvPr id="6" name="Title 1">
            <a:extLst>
              <a:ext uri="{FF2B5EF4-FFF2-40B4-BE49-F238E27FC236}">
                <a16:creationId xmlns:a16="http://schemas.microsoft.com/office/drawing/2014/main" id="{326A867A-24AA-B4A0-3330-EBC39963353A}"/>
              </a:ext>
            </a:extLst>
          </p:cNvPr>
          <p:cNvSpPr>
            <a:spLocks noGrp="1"/>
          </p:cNvSpPr>
          <p:nvPr>
            <p:ph type="title" hasCustomPrompt="1"/>
          </p:nvPr>
        </p:nvSpPr>
        <p:spPr>
          <a:xfrm>
            <a:off x="539999" y="554400"/>
            <a:ext cx="11113200" cy="1065600"/>
          </a:xfrm>
        </p:spPr>
        <p:txBody>
          <a:bodyPr/>
          <a:lstStyle/>
          <a:p>
            <a:r>
              <a:rPr lang="sv-SE"/>
              <a:t>Tittel første linje</a:t>
            </a:r>
          </a:p>
        </p:txBody>
      </p:sp>
      <p:sp>
        <p:nvSpPr>
          <p:cNvPr id="8" name="Subtitle 2">
            <a:extLst>
              <a:ext uri="{FF2B5EF4-FFF2-40B4-BE49-F238E27FC236}">
                <a16:creationId xmlns:a16="http://schemas.microsoft.com/office/drawing/2014/main" id="{B1DDBE31-A4A0-D51D-D902-75F19E3C70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11043336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Nøkkelord (A)">
    <p:bg>
      <p:bgRef idx="1001">
        <a:schemeClr val="bg1"/>
      </p:bgRef>
    </p:bg>
    <p:spTree>
      <p:nvGrpSpPr>
        <p:cNvPr id="1" name=""/>
        <p:cNvGrpSpPr/>
        <p:nvPr/>
      </p:nvGrpSpPr>
      <p:grpSpPr>
        <a:xfrm>
          <a:off x="0" y="0"/>
          <a:ext cx="0" cy="0"/>
          <a:chOff x="0" y="0"/>
          <a:chExt cx="0" cy="0"/>
        </a:xfrm>
      </p:grpSpPr>
      <p:sp>
        <p:nvSpPr>
          <p:cNvPr id="15" name="GeneralDate" descr="{&quot;templafy&quot;:{&quot;id&quot;:&quot;5252d343-4ec9-4fd0-a5b8-57d172da82cf&quot;}}" hidden="1" title="GeneralDate">
            <a:extLst>
              <a:ext uri="{FF2B5EF4-FFF2-40B4-BE49-F238E27FC236}">
                <a16:creationId xmlns:a16="http://schemas.microsoft.com/office/drawing/2014/main" id="{EF768A67-0F4D-496E-BB21-55960FD15930}"/>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rgbClr val="F61B33"/>
                </a:solidFill>
              </a:defRPr>
            </a:lvl1pPr>
          </a:lstStyle>
          <a:p>
            <a:r>
              <a:rPr lang="sv-SE"/>
              <a:t>Nøkkel-</a:t>
            </a:r>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ct val="0"/>
              </a:spcBef>
              <a:buFont typeface="Veidekke Favorit Offc" panose="020B0504030202060203" pitchFamily="34" charset="0"/>
              <a:buNone/>
              <a:defRPr sz="60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ord</a:t>
            </a:r>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t>‹#›</a:t>
            </a:fld>
            <a:endParaRPr lang="sv-SE"/>
          </a:p>
        </p:txBody>
      </p:sp>
      <p:sp>
        <p:nvSpPr>
          <p:cNvPr id="14" name="Footer" descr="{&quot;templafy&quot;:{&quot;id&quot;:&quot;b132304a-6a7d-4f9a-9282-b2411c696de4&quot;}}" title="Footer">
            <a:extLst>
              <a:ext uri="{FF2B5EF4-FFF2-40B4-BE49-F238E27FC236}">
                <a16:creationId xmlns:a16="http://schemas.microsoft.com/office/drawing/2014/main" id="{9251653C-DECE-4868-B89E-68DAC3C990D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pic>
        <p:nvPicPr>
          <p:cNvPr id="2" name="Logo">
            <a:extLst>
              <a:ext uri="{FF2B5EF4-FFF2-40B4-BE49-F238E27FC236}">
                <a16:creationId xmlns:a16="http://schemas.microsoft.com/office/drawing/2014/main" id="{C2D33468-AB35-659F-81B2-72472B87057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Tree>
    <p:extLst>
      <p:ext uri="{BB962C8B-B14F-4D97-AF65-F5344CB8AC3E}">
        <p14:creationId xmlns:p14="http://schemas.microsoft.com/office/powerpoint/2010/main" val="107504642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Nøkkelord (B)">
    <p:bg>
      <p:bgRef idx="1001">
        <a:schemeClr val="bg1"/>
      </p:bgRef>
    </p:bg>
    <p:spTree>
      <p:nvGrpSpPr>
        <p:cNvPr id="1" name=""/>
        <p:cNvGrpSpPr/>
        <p:nvPr/>
      </p:nvGrpSpPr>
      <p:grpSpPr>
        <a:xfrm>
          <a:off x="0" y="0"/>
          <a:ext cx="0" cy="0"/>
          <a:chOff x="0" y="0"/>
          <a:chExt cx="0" cy="0"/>
        </a:xfrm>
      </p:grpSpPr>
      <p:sp>
        <p:nvSpPr>
          <p:cNvPr id="15" name="GeneralDate" descr="{&quot;templafy&quot;:{&quot;id&quot;:&quot;73bf7567-ac61-4ff8-a69a-320fc7c4c539&quot;}}" hidden="1" title="GeneralDate">
            <a:extLst>
              <a:ext uri="{FF2B5EF4-FFF2-40B4-BE49-F238E27FC236}">
                <a16:creationId xmlns:a16="http://schemas.microsoft.com/office/drawing/2014/main" id="{BFDE9325-104E-4855-8E67-913489BD3FC4}"/>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pic>
        <p:nvPicPr>
          <p:cNvPr id="11" name="Logo">
            <a:extLst>
              <a:ext uri="{FF2B5EF4-FFF2-40B4-BE49-F238E27FC236}">
                <a16:creationId xmlns:a16="http://schemas.microsoft.com/office/drawing/2014/main" id="{B3C37EC3-EFF4-1360-10B2-26C03AB611C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tx1"/>
                </a:solidFill>
              </a:defRPr>
            </a:lvl1pPr>
          </a:lstStyle>
          <a:p>
            <a:r>
              <a:rPr lang="sv-SE"/>
              <a:t>Nøkkel-</a:t>
            </a:r>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ct val="0"/>
              </a:spcBef>
              <a:buFont typeface="Veidekke Favorit Offc" panose="020B0504030202060203" pitchFamily="34" charset="0"/>
              <a:buNone/>
              <a:defRPr sz="60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ord</a:t>
            </a:r>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t>‹#›</a:t>
            </a:fld>
            <a:endParaRPr lang="sv-SE"/>
          </a:p>
        </p:txBody>
      </p:sp>
      <p:sp>
        <p:nvSpPr>
          <p:cNvPr id="14" name="Footer" descr="{&quot;templafy&quot;:{&quot;id&quot;:&quot;9a9c3c7d-d93e-487e-8c0e-262e679deefa&quot;}}" title="Footer">
            <a:extLst>
              <a:ext uri="{FF2B5EF4-FFF2-40B4-BE49-F238E27FC236}">
                <a16:creationId xmlns:a16="http://schemas.microsoft.com/office/drawing/2014/main" id="{BEA520D9-8800-493D-A08D-72C97738CBA7}"/>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spTree>
    <p:extLst>
      <p:ext uri="{BB962C8B-B14F-4D97-AF65-F5344CB8AC3E}">
        <p14:creationId xmlns:p14="http://schemas.microsoft.com/office/powerpoint/2010/main" val="23198028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Nøkkelord (C)">
    <p:spTree>
      <p:nvGrpSpPr>
        <p:cNvPr id="1" name=""/>
        <p:cNvGrpSpPr/>
        <p:nvPr/>
      </p:nvGrpSpPr>
      <p:grpSpPr>
        <a:xfrm>
          <a:off x="0" y="0"/>
          <a:ext cx="0" cy="0"/>
          <a:chOff x="0" y="0"/>
          <a:chExt cx="0" cy="0"/>
        </a:xfrm>
      </p:grpSpPr>
      <p:sp>
        <p:nvSpPr>
          <p:cNvPr id="15" name="GeneralDate" descr="{&quot;templafy&quot;:{&quot;id&quot;:&quot;b2a9dcea-6efa-440f-9cda-f113bd1493aa&quot;}}" hidden="1" title="GeneralDate">
            <a:extLst>
              <a:ext uri="{FF2B5EF4-FFF2-40B4-BE49-F238E27FC236}">
                <a16:creationId xmlns:a16="http://schemas.microsoft.com/office/drawing/2014/main" id="{DA5C4A5B-77D4-4F8B-8980-2A85FCC96463}"/>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pic>
        <p:nvPicPr>
          <p:cNvPr id="11" name="Logo">
            <a:extLst>
              <a:ext uri="{FF2B5EF4-FFF2-40B4-BE49-F238E27FC236}">
                <a16:creationId xmlns:a16="http://schemas.microsoft.com/office/drawing/2014/main" id="{84154581-2D2C-0650-393D-1EA2C0CE811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accent2"/>
                </a:solidFill>
              </a:defRPr>
            </a:lvl1pPr>
          </a:lstStyle>
          <a:p>
            <a:r>
              <a:rPr lang="sv-SE"/>
              <a:t>Nøkkel-</a:t>
            </a:r>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ct val="0"/>
              </a:spcBef>
              <a:buFont typeface="Veidekke Favorit Offc" panose="020B0504030202060203" pitchFamily="34" charset="0"/>
              <a:buNone/>
              <a:defRPr sz="60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ord</a:t>
            </a:r>
          </a:p>
        </p:txBody>
      </p:sp>
      <p:sp>
        <p:nvSpPr>
          <p:cNvPr id="7" name="Slide Number Placeholder 6">
            <a:extLst>
              <a:ext uri="{FF2B5EF4-FFF2-40B4-BE49-F238E27FC236}">
                <a16:creationId xmlns:a16="http://schemas.microsoft.com/office/drawing/2014/main" id="{2E4C1B2B-DAB7-4E82-8EAB-C7E371FA235E}"/>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sv-SE" smtClean="0"/>
              <a:t>‹#›</a:t>
            </a:fld>
            <a:endParaRPr lang="sv-SE"/>
          </a:p>
        </p:txBody>
      </p:sp>
      <p:sp>
        <p:nvSpPr>
          <p:cNvPr id="14" name="Footer" descr="{&quot;templafy&quot;:{&quot;id&quot;:&quot;3e98ceef-c2b5-4c3a-9fdb-c64c8f437c0e&quot;}}" title="Footer">
            <a:extLst>
              <a:ext uri="{FF2B5EF4-FFF2-40B4-BE49-F238E27FC236}">
                <a16:creationId xmlns:a16="http://schemas.microsoft.com/office/drawing/2014/main" id="{FC51217B-46F4-4F3B-9D98-DCB42DC2CF0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accent2"/>
              </a:solidFill>
            </a:endParaRPr>
          </a:p>
        </p:txBody>
      </p:sp>
    </p:spTree>
    <p:extLst>
      <p:ext uri="{BB962C8B-B14F-4D97-AF65-F5344CB8AC3E}">
        <p14:creationId xmlns:p14="http://schemas.microsoft.com/office/powerpoint/2010/main" val="9253878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Nøkkeltall (A)">
    <p:bg>
      <p:bgRef idx="1001">
        <a:schemeClr val="bg1"/>
      </p:bgRef>
    </p:bg>
    <p:spTree>
      <p:nvGrpSpPr>
        <p:cNvPr id="1" name=""/>
        <p:cNvGrpSpPr/>
        <p:nvPr/>
      </p:nvGrpSpPr>
      <p:grpSpPr>
        <a:xfrm>
          <a:off x="0" y="0"/>
          <a:ext cx="0" cy="0"/>
          <a:chOff x="0" y="0"/>
          <a:chExt cx="0" cy="0"/>
        </a:xfrm>
      </p:grpSpPr>
      <p:sp>
        <p:nvSpPr>
          <p:cNvPr id="15" name="GeneralDate" descr="{&quot;templafy&quot;:{&quot;id&quot;:&quot;86a525a3-736c-4a10-b5de-ca854cbd5223&quot;}}" hidden="1" title="GeneralDate">
            <a:extLst>
              <a:ext uri="{FF2B5EF4-FFF2-40B4-BE49-F238E27FC236}">
                <a16:creationId xmlns:a16="http://schemas.microsoft.com/office/drawing/2014/main" id="{6CF61709-50E4-4A75-A1B9-40F59F14CF5D}"/>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solidFill>
                <a:schemeClr val="tx1"/>
              </a:solidFill>
            </a:endParaRPr>
          </a:p>
        </p:txBody>
      </p:sp>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rgbClr val="F61B33"/>
                </a:solidFill>
              </a:defRPr>
            </a:lvl1pPr>
          </a:lstStyle>
          <a:p>
            <a:r>
              <a:rPr lang="sv-SE"/>
              <a:t>Tall</a:t>
            </a:r>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ct val="0"/>
              </a:spcBef>
              <a:buFont typeface="Veidekke Favorit Offc" panose="020B0504030202060203" pitchFamily="34" charset="0"/>
              <a:buNone/>
              <a:defRPr sz="96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Tekst</a:t>
            </a:r>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t>‹#›</a:t>
            </a:fld>
            <a:endParaRPr lang="sv-SE"/>
          </a:p>
        </p:txBody>
      </p:sp>
      <p:sp>
        <p:nvSpPr>
          <p:cNvPr id="14" name="Footer" descr="{&quot;templafy&quot;:{&quot;id&quot;:&quot;3a4bf290-9347-45c4-b508-f7f9f3a4dd9c&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pic>
        <p:nvPicPr>
          <p:cNvPr id="2" name="Logo">
            <a:extLst>
              <a:ext uri="{FF2B5EF4-FFF2-40B4-BE49-F238E27FC236}">
                <a16:creationId xmlns:a16="http://schemas.microsoft.com/office/drawing/2014/main" id="{57EBA2DA-F17B-593B-C03E-0F484C28122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Tree>
    <p:extLst>
      <p:ext uri="{BB962C8B-B14F-4D97-AF65-F5344CB8AC3E}">
        <p14:creationId xmlns:p14="http://schemas.microsoft.com/office/powerpoint/2010/main" val="151256491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flipH="1">
            <a:off x="0" y="6856915"/>
            <a:ext cx="0" cy="0"/>
          </a:xfrm>
        </p:spPr>
        <p:txBody>
          <a:bodyPr/>
          <a:lstStyle/>
          <a:p>
            <a:endParaRPr lang="sv-SE"/>
          </a:p>
        </p:txBody>
      </p:sp>
      <p:sp>
        <p:nvSpPr>
          <p:cNvPr id="26" name="Date_GeneralDate" hidden="1">
            <a:extLst>
              <a:ext uri="{FF2B5EF4-FFF2-40B4-BE49-F238E27FC236}">
                <a16:creationId xmlns:a16="http://schemas.microsoft.com/office/drawing/2014/main" id="{F1B95CA8-B641-40EB-A587-D85F377F9C17}"/>
              </a:ext>
            </a:extLst>
          </p:cNvPr>
          <p:cNvSpPr txBox="1"/>
          <p:nvPr userDrawn="1"/>
        </p:nvSpPr>
        <p:spPr>
          <a:xfrm flipH="1">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t>24-08-26</a:t>
            </a:fld>
            <a:endParaRPr lang="sv-SE"/>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lvl1pPr>
          </a:lstStyle>
          <a:p>
            <a:r>
              <a:rPr lang="sv-SE"/>
              <a:t>Agenda</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ct val="0"/>
              </a:spcBef>
              <a:spcAft>
                <a:spcPts val="1200"/>
              </a:spcAft>
              <a:buFont typeface="Veidekke Favorit Offc" panose="020B0504030202060203" pitchFamily="34" charset="0"/>
              <a:buChar char="​"/>
              <a:defRPr sz="1600">
                <a:solidFill>
                  <a:schemeClr val="tx1"/>
                </a:solidFill>
              </a:defRPr>
            </a:lvl1pPr>
            <a:lvl2pPr marL="216000">
              <a:lnSpc>
                <a:spcPct val="90000"/>
              </a:lnSpc>
              <a:spcBef>
                <a:spcPct val="0"/>
              </a:spcBef>
              <a:spcAft>
                <a:spcPts val="1200"/>
              </a:spcAft>
              <a:defRPr sz="1400">
                <a:solidFill>
                  <a:schemeClr val="tx1"/>
                </a:solidFill>
              </a:defRPr>
            </a:lvl2pPr>
            <a:lvl3pPr marL="432000">
              <a:lnSpc>
                <a:spcPct val="90000"/>
              </a:lnSpc>
              <a:spcBef>
                <a:spcPct val="0"/>
              </a:spcBef>
              <a:spcAft>
                <a:spcPts val="1200"/>
              </a:spcAft>
              <a:defRPr sz="1200">
                <a:solidFill>
                  <a:schemeClr val="tx1"/>
                </a:solidFill>
              </a:defRPr>
            </a:lvl3pPr>
            <a:lvl4pPr marL="648000">
              <a:lnSpc>
                <a:spcPct val="90000"/>
              </a:lnSpc>
              <a:spcBef>
                <a:spcPct val="0"/>
              </a:spcBef>
              <a:spcAft>
                <a:spcPts val="1200"/>
              </a:spcAft>
              <a:defRPr sz="1200">
                <a:solidFill>
                  <a:schemeClr val="tx1"/>
                </a:solidFill>
              </a:defRPr>
            </a:lvl4pPr>
            <a:lvl5pPr marL="864000">
              <a:lnSpc>
                <a:spcPct val="90000"/>
              </a:lnSpc>
              <a:spcBef>
                <a:spcPct val="0"/>
              </a:spcBef>
              <a:spcAft>
                <a:spcPts val="1200"/>
              </a:spcAft>
              <a:defRPr sz="1200">
                <a:solidFill>
                  <a:schemeClr val="tx1"/>
                </a:solidFill>
              </a:defRPr>
            </a:lvl5pPr>
            <a:lvl6pPr marL="864000">
              <a:lnSpc>
                <a:spcPct val="90000"/>
              </a:lnSpc>
              <a:spcAft>
                <a:spcPts val="1200"/>
              </a:spcAft>
              <a:defRPr sz="1200">
                <a:solidFill>
                  <a:schemeClr val="tx1"/>
                </a:solidFill>
              </a:defRPr>
            </a:lvl6pPr>
            <a:lvl7pPr marL="864000">
              <a:lnSpc>
                <a:spcPct val="90000"/>
              </a:lnSpc>
              <a:spcAft>
                <a:spcPts val="1200"/>
              </a:spcAft>
              <a:defRPr sz="1200">
                <a:solidFill>
                  <a:schemeClr val="tx1"/>
                </a:solidFill>
              </a:defRPr>
            </a:lvl7pPr>
            <a:lvl8pPr marL="864000">
              <a:lnSpc>
                <a:spcPct val="90000"/>
              </a:lnSpc>
              <a:spcAft>
                <a:spcPts val="1200"/>
              </a:spcAft>
              <a:defRPr sz="1200">
                <a:solidFill>
                  <a:schemeClr val="tx1"/>
                </a:solidFill>
              </a:defRPr>
            </a:lvl8pPr>
            <a:lvl9pPr marL="864000">
              <a:lnSpc>
                <a:spcPct val="90000"/>
              </a:lnSpc>
              <a:spcAft>
                <a:spcPts val="1200"/>
              </a:spcAft>
              <a:defRPr sz="1200">
                <a:solidFill>
                  <a:schemeClr val="tx1"/>
                </a:solidFill>
              </a:defRPr>
            </a:lvl9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ct val="0"/>
              </a:spcBef>
              <a:spcAft>
                <a:spcPts val="1200"/>
              </a:spcAft>
              <a:buNone/>
              <a:defRPr sz="1600" spc="0" baseline="0">
                <a:solidFill>
                  <a:schemeClr val="tx1"/>
                </a:solidFill>
                <a:latin typeface="+mj-lt"/>
              </a:defRPr>
            </a:lvl1pPr>
            <a:lvl2pPr marL="0" indent="0" algn="l">
              <a:lnSpc>
                <a:spcPct val="90000"/>
              </a:lnSpc>
              <a:spcBef>
                <a:spcPct val="0"/>
              </a:spcBef>
              <a:spcAft>
                <a:spcPts val="1200"/>
              </a:spcAft>
              <a:buNone/>
              <a:defRPr sz="1400" spc="0" baseline="0">
                <a:solidFill>
                  <a:schemeClr val="tx1"/>
                </a:solidFill>
              </a:defRPr>
            </a:lvl2pPr>
            <a:lvl3pPr marL="0" indent="0">
              <a:lnSpc>
                <a:spcPct val="90000"/>
              </a:lnSpc>
              <a:spcAft>
                <a:spcPts val="1200"/>
              </a:spcAft>
              <a:buFont typeface="Veidekke Favorit Offc" panose="020B0504030202060203" pitchFamily="34" charset="0"/>
              <a:buChar char="​"/>
              <a:defRPr sz="1200">
                <a:solidFill>
                  <a:schemeClr val="tx1"/>
                </a:solidFill>
              </a:defRPr>
            </a:lvl3pPr>
            <a:lvl4pPr marL="0" indent="0">
              <a:lnSpc>
                <a:spcPct val="90000"/>
              </a:lnSpc>
              <a:spcAft>
                <a:spcPts val="1200"/>
              </a:spcAft>
              <a:buFont typeface="Veidekke Favorit Offc" panose="020B0504030202060203" pitchFamily="34" charset="0"/>
              <a:buChar char="​"/>
              <a:defRPr sz="1200">
                <a:solidFill>
                  <a:schemeClr val="tx1"/>
                </a:solidFill>
              </a:defRPr>
            </a:lvl4pPr>
            <a:lvl5pPr marL="0" indent="0">
              <a:lnSpc>
                <a:spcPct val="90000"/>
              </a:lnSpc>
              <a:spcAft>
                <a:spcPts val="1200"/>
              </a:spcAft>
              <a:buFont typeface="Veidekke Favorit Offc" panose="020B0504030202060203" pitchFamily="34" charset="0"/>
              <a:buChar char="​"/>
              <a:defRPr sz="1200">
                <a:solidFill>
                  <a:schemeClr val="tx1"/>
                </a:solidFill>
              </a:defRPr>
            </a:lvl5pPr>
            <a:lvl6pPr marL="0" indent="0">
              <a:lnSpc>
                <a:spcPct val="90000"/>
              </a:lnSpc>
              <a:spcAft>
                <a:spcPts val="1200"/>
              </a:spcAft>
              <a:buFont typeface="Veidekke Favorit Offc" panose="020B0504030202060203" pitchFamily="34" charset="0"/>
              <a:buChar char="​"/>
              <a:defRPr sz="1200">
                <a:solidFill>
                  <a:schemeClr val="tx1"/>
                </a:solidFill>
              </a:defRPr>
            </a:lvl6pPr>
            <a:lvl7pPr marL="0" indent="0">
              <a:lnSpc>
                <a:spcPct val="90000"/>
              </a:lnSpc>
              <a:spcAft>
                <a:spcPts val="1200"/>
              </a:spcAft>
              <a:buFont typeface="Veidekke Favorit Offc" panose="020B0504030202060203" pitchFamily="34" charset="0"/>
              <a:buChar char="​"/>
              <a:defRPr sz="1200">
                <a:solidFill>
                  <a:schemeClr val="tx1"/>
                </a:solidFill>
              </a:defRPr>
            </a:lvl7pPr>
            <a:lvl8pPr marL="0" indent="0">
              <a:lnSpc>
                <a:spcPct val="90000"/>
              </a:lnSpc>
              <a:spcAft>
                <a:spcPts val="1200"/>
              </a:spcAft>
              <a:buFont typeface="Veidekke Favorit Offc" panose="020B0504030202060203" pitchFamily="34" charset="0"/>
              <a:buChar char="​"/>
              <a:defRPr sz="1200">
                <a:solidFill>
                  <a:schemeClr val="tx1"/>
                </a:solidFill>
              </a:defRPr>
            </a:lvl8pPr>
            <a:lvl9pPr marL="0" indent="0">
              <a:lnSpc>
                <a:spcPct val="90000"/>
              </a:lnSpc>
              <a:spcAft>
                <a:spcPts val="1200"/>
              </a:spcAft>
              <a:buFont typeface="Veidekke Favorit Offc" panose="020B0504030202060203" pitchFamily="34" charset="0"/>
              <a:buChar char="​"/>
              <a:defRPr sz="1200">
                <a:solidFill>
                  <a:schemeClr val="tx1"/>
                </a:solidFill>
              </a:defRPr>
            </a:lvl9pPr>
          </a:lstStyle>
          <a:p>
            <a:pPr lvl="0"/>
            <a:r>
              <a:rPr lang="sv-SE"/>
              <a:t>01.</a:t>
            </a:r>
          </a:p>
          <a:p>
            <a:pPr lvl="1"/>
            <a:r>
              <a:rPr lang="sv-SE"/>
              <a:t>2</a:t>
            </a:r>
          </a:p>
          <a:p>
            <a:pPr lvl="2"/>
            <a:r>
              <a:rPr lang="sv-SE"/>
              <a:t>3</a:t>
            </a:r>
          </a:p>
          <a:p>
            <a:pPr lvl="3"/>
            <a:r>
              <a:rPr lang="sv-SE"/>
              <a:t>4</a:t>
            </a:r>
          </a:p>
          <a:p>
            <a:pPr lvl="4"/>
            <a:r>
              <a:rPr lang="sv-SE"/>
              <a:t>5</a:t>
            </a:r>
          </a:p>
          <a:p>
            <a:pPr lvl="5"/>
            <a:r>
              <a:rPr lang="sv-SE"/>
              <a:t>6</a:t>
            </a:r>
          </a:p>
          <a:p>
            <a:pPr lvl="6"/>
            <a:r>
              <a:rPr lang="sv-SE"/>
              <a:t>7</a:t>
            </a:r>
          </a:p>
          <a:p>
            <a:pPr lvl="7"/>
            <a:r>
              <a:rPr lang="sv-SE"/>
              <a:t>8</a:t>
            </a:r>
          </a:p>
          <a:p>
            <a:pPr lvl="8"/>
            <a:r>
              <a:rPr lang="sv-SE"/>
              <a:t>9</a:t>
            </a:r>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sv-SE" smtClean="0"/>
              <a:t>‹#›</a:t>
            </a:fld>
            <a:endParaRPr lang="sv-SE"/>
          </a:p>
        </p:txBody>
      </p:sp>
      <p:sp>
        <p:nvSpPr>
          <p:cNvPr id="25" name="Footer dynamisk" descr="{&quot;templafy&quot;:{&quot;id&quot;:&quot;ddfabb75-e58c-4268-b14a-454b81c91763&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pic>
        <p:nvPicPr>
          <p:cNvPr id="12" name="Logo">
            <a:extLst>
              <a:ext uri="{FF2B5EF4-FFF2-40B4-BE49-F238E27FC236}">
                <a16:creationId xmlns:a16="http://schemas.microsoft.com/office/drawing/2014/main" id="{CA4A2AFD-EF42-C68E-83B4-648ECC11E65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Tree>
    <p:extLst>
      <p:ext uri="{BB962C8B-B14F-4D97-AF65-F5344CB8AC3E}">
        <p14:creationId xmlns:p14="http://schemas.microsoft.com/office/powerpoint/2010/main" val="29516475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Nøkkeltall (B)">
    <p:bg>
      <p:bgRef idx="1001">
        <a:schemeClr val="bg1"/>
      </p:bgRef>
    </p:bg>
    <p:spTree>
      <p:nvGrpSpPr>
        <p:cNvPr id="1" name=""/>
        <p:cNvGrpSpPr/>
        <p:nvPr/>
      </p:nvGrpSpPr>
      <p:grpSpPr>
        <a:xfrm>
          <a:off x="0" y="0"/>
          <a:ext cx="0" cy="0"/>
          <a:chOff x="0" y="0"/>
          <a:chExt cx="0" cy="0"/>
        </a:xfrm>
      </p:grpSpPr>
      <p:sp>
        <p:nvSpPr>
          <p:cNvPr id="15" name="GeneralDate" descr="{&quot;templafy&quot;:{&quot;id&quot;:&quot;b0bd0afb-2c3f-448b-a73d-df2189ea5340&quot;}}" hidden="1" title="GeneralDate">
            <a:extLst>
              <a:ext uri="{FF2B5EF4-FFF2-40B4-BE49-F238E27FC236}">
                <a16:creationId xmlns:a16="http://schemas.microsoft.com/office/drawing/2014/main" id="{6CF61709-50E4-4A75-A1B9-40F59F14CF5D}"/>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solidFill>
                <a:schemeClr val="tx1"/>
              </a:solidFill>
            </a:endParaRPr>
          </a:p>
        </p:txBody>
      </p:sp>
      <p:pic>
        <p:nvPicPr>
          <p:cNvPr id="11" name="Logo">
            <a:extLst>
              <a:ext uri="{FF2B5EF4-FFF2-40B4-BE49-F238E27FC236}">
                <a16:creationId xmlns:a16="http://schemas.microsoft.com/office/drawing/2014/main" id="{1BCFCE0C-3EF9-914B-ED66-53DB151FF28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tx1"/>
                </a:solidFill>
              </a:defRPr>
            </a:lvl1pPr>
          </a:lstStyle>
          <a:p>
            <a:r>
              <a:rPr lang="sv-SE"/>
              <a:t>Tall</a:t>
            </a:r>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ct val="0"/>
              </a:spcBef>
              <a:buFont typeface="Veidekke Favorit Offc" panose="020B0504030202060203" pitchFamily="34" charset="0"/>
              <a:buNone/>
              <a:defRPr sz="96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Tekst</a:t>
            </a:r>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sv-SE" smtClean="0"/>
              <a:t>‹#›</a:t>
            </a:fld>
            <a:endParaRPr lang="sv-SE"/>
          </a:p>
        </p:txBody>
      </p:sp>
      <p:sp>
        <p:nvSpPr>
          <p:cNvPr id="14" name="Footer" descr="{&quot;templafy&quot;:{&quot;id&quot;:&quot;3afa4a19-5393-402c-8bcc-ac87290f9e13&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spTree>
    <p:extLst>
      <p:ext uri="{BB962C8B-B14F-4D97-AF65-F5344CB8AC3E}">
        <p14:creationId xmlns:p14="http://schemas.microsoft.com/office/powerpoint/2010/main" val="340338066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Nøkkeltall (C)">
    <p:spTree>
      <p:nvGrpSpPr>
        <p:cNvPr id="1" name=""/>
        <p:cNvGrpSpPr/>
        <p:nvPr/>
      </p:nvGrpSpPr>
      <p:grpSpPr>
        <a:xfrm>
          <a:off x="0" y="0"/>
          <a:ext cx="0" cy="0"/>
          <a:chOff x="0" y="0"/>
          <a:chExt cx="0" cy="0"/>
        </a:xfrm>
      </p:grpSpPr>
      <p:sp>
        <p:nvSpPr>
          <p:cNvPr id="15" name="GeneralDate" descr="{&quot;templafy&quot;:{&quot;id&quot;:&quot;709066e7-4641-402f-b361-fbb3f921f7a3&quot;}}" hidden="1" title="GeneralDate">
            <a:extLst>
              <a:ext uri="{FF2B5EF4-FFF2-40B4-BE49-F238E27FC236}">
                <a16:creationId xmlns:a16="http://schemas.microsoft.com/office/drawing/2014/main" id="{6CF61709-50E4-4A75-A1B9-40F59F14CF5D}"/>
              </a:ext>
            </a:extLst>
          </p:cNvPr>
          <p:cNvSpPr/>
          <p:nvPr userDrawn="1"/>
        </p:nvSpPr>
        <p:spPr>
          <a:xfrm flipH="1">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100" b="0" noProof="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solidFill>
                <a:schemeClr val="tx1"/>
              </a:solidFill>
            </a:endParaRPr>
          </a:p>
        </p:txBody>
      </p:sp>
      <p:pic>
        <p:nvPicPr>
          <p:cNvPr id="11" name="Logo">
            <a:extLst>
              <a:ext uri="{FF2B5EF4-FFF2-40B4-BE49-F238E27FC236}">
                <a16:creationId xmlns:a16="http://schemas.microsoft.com/office/drawing/2014/main" id="{7FB99A71-5F4A-9E99-1EA6-D227AB135E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accent2"/>
                </a:solidFill>
              </a:defRPr>
            </a:lvl1pPr>
          </a:lstStyle>
          <a:p>
            <a:r>
              <a:rPr lang="sv-SE"/>
              <a:t>Tall</a:t>
            </a:r>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ct val="0"/>
              </a:spcBef>
              <a:buFont typeface="Veidekke Favorit Offc" panose="020B0504030202060203" pitchFamily="34" charset="0"/>
              <a:buNone/>
              <a:defRPr sz="96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Tekst</a:t>
            </a:r>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sv-SE" smtClean="0"/>
              <a:t>‹#›</a:t>
            </a:fld>
            <a:endParaRPr lang="sv-SE"/>
          </a:p>
        </p:txBody>
      </p:sp>
      <p:sp>
        <p:nvSpPr>
          <p:cNvPr id="14" name="Footer" descr="{&quot;templafy&quot;:{&quot;id&quot;:&quot;b91c5b82-e030-4a05-973c-79a73418d63f&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accent2"/>
              </a:solidFill>
            </a:endParaRPr>
          </a:p>
        </p:txBody>
      </p:sp>
    </p:spTree>
    <p:extLst>
      <p:ext uri="{BB962C8B-B14F-4D97-AF65-F5344CB8AC3E}">
        <p14:creationId xmlns:p14="http://schemas.microsoft.com/office/powerpoint/2010/main" val="12259282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Avslutning (A)">
    <p:bg>
      <p:bgPr>
        <a:solidFill>
          <a:schemeClr val="accent2"/>
        </a:solidFill>
        <a:effectLst/>
      </p:bgPr>
    </p:bg>
    <p:spTree>
      <p:nvGrpSpPr>
        <p:cNvPr id="1" name=""/>
        <p:cNvGrpSpPr/>
        <p:nvPr/>
      </p:nvGrpSpPr>
      <p:grpSpPr>
        <a:xfrm>
          <a:off x="0" y="0"/>
          <a:ext cx="0" cy="0"/>
          <a:chOff x="0" y="0"/>
          <a:chExt cx="0" cy="0"/>
        </a:xfrm>
      </p:grpSpPr>
      <p:sp>
        <p:nvSpPr>
          <p:cNvPr id="5" name="Date_GeneralDate" hidden="1">
            <a:extLst>
              <a:ext uri="{FF2B5EF4-FFF2-40B4-BE49-F238E27FC236}">
                <a16:creationId xmlns:a16="http://schemas.microsoft.com/office/drawing/2014/main" id="{D58373C3-3C7B-400D-A664-B11584EF44B1}"/>
              </a:ext>
            </a:extLst>
          </p:cNvPr>
          <p:cNvSpPr>
            <a:spLocks noGrp="1"/>
          </p:cNvSpPr>
          <p:nvPr>
            <p:ph type="dt" sz="half" idx="20"/>
          </p:nvPr>
        </p:nvSpPr>
        <p:spPr>
          <a:xfrm flipH="1">
            <a:off x="0" y="6858000"/>
            <a:ext cx="0" cy="0"/>
          </a:xfrm>
          <a:prstGeom prst="rect">
            <a:avLst/>
          </a:prstGeom>
        </p:spPr>
        <p:txBody>
          <a:bodyPr/>
          <a:lstStyle>
            <a:lvl1pPr algn="l">
              <a:defRPr sz="1200">
                <a:noFill/>
              </a:defRPr>
            </a:lvl1pPr>
          </a:lstStyle>
          <a:p>
            <a:fld id="{D9FDF4A8-8D3E-4AA8-B9AB-B6B436E29D43}" type="datetime3">
              <a:rPr lang="sv-SE" smtClean="0"/>
              <a:t>24-08-26</a:t>
            </a:fld>
            <a:endParaRPr lang="sv-SE"/>
          </a:p>
        </p:txBody>
      </p:sp>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flipH="1">
            <a:off x="0" y="6858000"/>
            <a:ext cx="0" cy="0"/>
          </a:xfrm>
        </p:spPr>
        <p:txBody>
          <a:bodyPr/>
          <a:lstStyle>
            <a:lvl1pPr>
              <a:defRPr sz="100">
                <a:noFill/>
              </a:defRPr>
            </a:lvl1pPr>
          </a:lstStyle>
          <a:p>
            <a:endParaRPr lang="sv-SE"/>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21" name="Picture Placeholder 22">
            <a:extLst>
              <a:ext uri="{FF2B5EF4-FFF2-40B4-BE49-F238E27FC236}">
                <a16:creationId xmlns:a16="http://schemas.microsoft.com/office/drawing/2014/main" id="{03625D81-A91E-427C-9713-1E5912AD791D}"/>
              </a:ext>
            </a:extLst>
          </p:cNvPr>
          <p:cNvSpPr>
            <a:spLocks noGrp="1"/>
          </p:cNvSpPr>
          <p:nvPr>
            <p:ph type="pic" sz="quarter" idx="14" hasCustomPrompt="1"/>
          </p:nvPr>
        </p:nvSpPr>
        <p:spPr bwMode="white">
          <a:xfrm>
            <a:off x="0" y="0"/>
            <a:ext cx="12192000" cy="6858000"/>
          </a:xfrm>
          <a:solidFill>
            <a:schemeClr val="accent2"/>
          </a:solidFill>
        </p:spPr>
        <p:txBody>
          <a:bodyPr tIns="36000"/>
          <a:lstStyle>
            <a:lvl1pPr marL="0" indent="0" algn="ctr">
              <a:buNone/>
              <a:defRPr sz="1400">
                <a:solidFill>
                  <a:schemeClr val="tx1"/>
                </a:solidFill>
              </a:defRPr>
            </a:lvl1pPr>
          </a:lstStyle>
          <a:p>
            <a:r>
              <a:rPr lang="sv-SE"/>
              <a:t>Klikk på plassholderen og lim inn det mørke bildet via Fotoware-ikonet i Templafy-panelet</a:t>
            </a:r>
          </a:p>
        </p:txBody>
      </p:sp>
      <p:sp>
        <p:nvSpPr>
          <p:cNvPr id="31" name="Picture Placeholder  Logo">
            <a:extLst>
              <a:ext uri="{FF2B5EF4-FFF2-40B4-BE49-F238E27FC236}">
                <a16:creationId xmlns:a16="http://schemas.microsoft.com/office/drawing/2014/main" id="{B85F0C65-8F69-4E5A-A806-8219BB12AEB2}"/>
              </a:ext>
            </a:extLst>
          </p:cNvPr>
          <p:cNvSpPr>
            <a:spLocks noGrp="1"/>
          </p:cNvSpPr>
          <p:nvPr>
            <p:ph type="body" sz="quarter" idx="16" hasCustomPrompt="1"/>
          </p:nvPr>
        </p:nvSpPr>
        <p:spPr>
          <a:xfrm>
            <a:off x="2444525" y="830949"/>
            <a:ext cx="853566" cy="853566"/>
          </a:xfrm>
          <a: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sv-SE"/>
              <a:t>.</a:t>
            </a:r>
          </a:p>
        </p:txBody>
      </p:sp>
      <p:sp>
        <p:nvSpPr>
          <p:cNvPr id="27" name="Title 1">
            <a:extLst>
              <a:ext uri="{FF2B5EF4-FFF2-40B4-BE49-F238E27FC236}">
                <a16:creationId xmlns:a16="http://schemas.microsoft.com/office/drawing/2014/main" id="{0DFF8606-4E83-4247-BE2B-47C3512A5CDB}"/>
              </a:ext>
            </a:extLst>
          </p:cNvPr>
          <p:cNvSpPr>
            <a:spLocks noGrp="1"/>
          </p:cNvSpPr>
          <p:nvPr>
            <p:ph type="title" hasCustomPrompt="1"/>
          </p:nvPr>
        </p:nvSpPr>
        <p:spPr>
          <a:xfrm>
            <a:off x="2438199" y="2496488"/>
            <a:ext cx="7315200" cy="2027712"/>
          </a:xfrm>
        </p:spPr>
        <p:txBody>
          <a:bodyPr>
            <a:noAutofit/>
          </a:bodyPr>
          <a:lstStyle>
            <a:lvl1pPr>
              <a:lnSpc>
                <a:spcPct val="90000"/>
              </a:lnSpc>
              <a:defRPr sz="6600" b="0" spc="0" baseline="0">
                <a:solidFill>
                  <a:schemeClr val="tx1"/>
                </a:solidFill>
              </a:defRPr>
            </a:lvl1pPr>
          </a:lstStyle>
          <a:p>
            <a:r>
              <a:rPr lang="sv-SE"/>
              <a:t>Tittel første linje</a:t>
            </a:r>
          </a:p>
        </p:txBody>
      </p:sp>
      <p:sp>
        <p:nvSpPr>
          <p:cNvPr id="4" name="Text Placeholder 3">
            <a:extLst>
              <a:ext uri="{FF2B5EF4-FFF2-40B4-BE49-F238E27FC236}">
                <a16:creationId xmlns:a16="http://schemas.microsoft.com/office/drawing/2014/main" id="{88C7E67F-AFB1-4B52-9D08-D02556891227}"/>
              </a:ext>
            </a:extLst>
          </p:cNvPr>
          <p:cNvSpPr>
            <a:spLocks noGrp="1"/>
          </p:cNvSpPr>
          <p:nvPr>
            <p:ph type="body" sz="quarter" idx="25" hasCustomPrompt="1"/>
          </p:nvPr>
        </p:nvSpPr>
        <p:spPr>
          <a:xfrm>
            <a:off x="2438199" y="4765827"/>
            <a:ext cx="7315200" cy="196873"/>
          </a:xfrm>
        </p:spPr>
        <p:txBody>
          <a:bodyPr anchor="b" anchorCtr="0"/>
          <a:lstStyle>
            <a:lvl1pPr marL="0" indent="0">
              <a:buNone/>
              <a:defRPr sz="1200">
                <a:solidFill>
                  <a:schemeClr val="tx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sv-SE"/>
              <a:t>Klikk for å legge til dato eller tekst</a:t>
            </a:r>
          </a:p>
        </p:txBody>
      </p:sp>
      <p:sp>
        <p:nvSpPr>
          <p:cNvPr id="6" name="Text Placeholder 5">
            <a:extLst>
              <a:ext uri="{FF2B5EF4-FFF2-40B4-BE49-F238E27FC236}">
                <a16:creationId xmlns:a16="http://schemas.microsoft.com/office/drawing/2014/main" id="{9C18CAB5-5A19-4DB3-BF7D-72FC7EACD96A}"/>
              </a:ext>
            </a:extLst>
          </p:cNvPr>
          <p:cNvSpPr>
            <a:spLocks noGrp="1"/>
          </p:cNvSpPr>
          <p:nvPr>
            <p:ph type="body" sz="quarter" idx="19" hasCustomPrompt="1"/>
          </p:nvPr>
        </p:nvSpPr>
        <p:spPr>
          <a:xfrm>
            <a:off x="2438199" y="5008650"/>
            <a:ext cx="7315200" cy="260328"/>
          </a:xfrm>
        </p:spPr>
        <p:txBody>
          <a:bodyPr/>
          <a:lstStyle>
            <a:lvl1pPr marL="0" indent="0">
              <a:buFont typeface="Veidekke Favorit Offc" panose="020B0504030202060203" pitchFamily="34" charset="0"/>
              <a:buChar char="​"/>
              <a:defRPr sz="1200">
                <a:solidFill>
                  <a:schemeClr val="tx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sv-SE"/>
              <a:t>Klikk for å legge til presentatørens navn eller tekst</a:t>
            </a:r>
          </a:p>
        </p:txBody>
      </p:sp>
    </p:spTree>
    <p:extLst>
      <p:ext uri="{BB962C8B-B14F-4D97-AF65-F5344CB8AC3E}">
        <p14:creationId xmlns:p14="http://schemas.microsoft.com/office/powerpoint/2010/main" val="184188517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Avslutning (B)">
    <p:bg>
      <p:bgPr>
        <a:solidFill>
          <a:schemeClr val="accent2"/>
        </a:solidFill>
        <a:effectLst/>
      </p:bgPr>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00C65AFA-C291-49BE-B4DE-A89C9D195F10}"/>
              </a:ext>
            </a:extLst>
          </p:cNvPr>
          <p:cNvSpPr/>
          <p:nvPr userDrawn="1"/>
        </p:nvSpPr>
        <p:spPr bwMode="white">
          <a:xfrm>
            <a:off x="0" y="0"/>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2000" noProof="0" err="1"/>
          </a:p>
        </p:txBody>
      </p:sp>
      <p:pic>
        <p:nvPicPr>
          <p:cNvPr id="5" name="logo">
            <a:extLst>
              <a:ext uri="{FF2B5EF4-FFF2-40B4-BE49-F238E27FC236}">
                <a16:creationId xmlns:a16="http://schemas.microsoft.com/office/drawing/2014/main" id="{E1BAC656-6901-4B8A-8B4F-DC835F161A2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669588" y="3002403"/>
            <a:ext cx="853195" cy="853195"/>
          </a:xfrm>
          <a:prstGeom prst="rect">
            <a:avLst/>
          </a:prstGeom>
        </p:spPr>
      </p:pic>
    </p:spTree>
    <p:extLst>
      <p:ext uri="{BB962C8B-B14F-4D97-AF65-F5344CB8AC3E}">
        <p14:creationId xmlns:p14="http://schemas.microsoft.com/office/powerpoint/2010/main" val="18067850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rukerhåndbok">
    <p:spTree>
      <p:nvGrpSpPr>
        <p:cNvPr id="1" name=""/>
        <p:cNvGrpSpPr/>
        <p:nvPr/>
      </p:nvGrpSpPr>
      <p:grpSpPr>
        <a:xfrm>
          <a:off x="0" y="0"/>
          <a:ext cx="0" cy="0"/>
          <a:chOff x="0" y="0"/>
          <a:chExt cx="0" cy="0"/>
        </a:xfrm>
      </p:grpSpPr>
      <p:sp>
        <p:nvSpPr>
          <p:cNvPr id="43" name="Text Box 2">
            <a:extLst>
              <a:ext uri="{FF2B5EF4-FFF2-40B4-BE49-F238E27FC236}">
                <a16:creationId xmlns:a16="http://schemas.microsoft.com/office/drawing/2014/main" id="{AA8FF1AB-80C2-4920-AC93-402D8FFA2399}"/>
              </a:ext>
            </a:extLst>
          </p:cNvPr>
          <p:cNvSpPr txBox="1">
            <a:spLocks noChangeArrowheads="1"/>
          </p:cNvSpPr>
          <p:nvPr userDrawn="1"/>
        </p:nvSpPr>
        <p:spPr bwMode="auto">
          <a:xfrm>
            <a:off x="539750" y="3516216"/>
            <a:ext cx="2496843" cy="18288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hange Slide Layout</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marL="0" indent="0">
              <a:spcAft>
                <a:spcPts val="600"/>
              </a:spcAft>
              <a:buFont typeface="+mj-lt"/>
              <a:buNone/>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the arrow next to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Layout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o view </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 dropdown menu of possible slide layouts</a:t>
            </a:r>
            <a:endParaRPr lang="sv-SE" sz="900" noProof="0">
              <a:latin typeface="Veidekke Favorit Offc" panose="020B0504030202060203" pitchFamily="34" charset="0"/>
              <a:ea typeface="Veidekke Favorit Offc" panose="020B0504030202060203" pitchFamily="34" charset="0"/>
            </a:endParaRPr>
          </a:p>
          <a:p>
            <a:pPr marL="0" indent="0">
              <a:spcAft>
                <a:spcPct val="0"/>
              </a:spcAft>
              <a:buFont typeface="+mj-lt"/>
              <a:buNone/>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the layout you prefer and it will be </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pplied to the new slide</a:t>
            </a:r>
            <a:endParaRPr lang="sv-SE"/>
          </a:p>
          <a:p>
            <a:pPr fontAlgn="auto">
              <a:spcBef>
                <a:spcPts val="1200"/>
              </a:spcBef>
              <a:spcAft>
                <a:spcPts val="600"/>
              </a:spcAft>
              <a:buFont typeface="+mj-lt"/>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Reset slide</a:t>
            </a:r>
            <a:endParaRPr lang="sv-SE"/>
          </a:p>
          <a:p>
            <a:pPr marL="0" marR="0" indent="0" algn="l" defTabSz="914400" rtl="0" eaLnBrk="1" fontAlgn="auto" latinLnBrk="0" hangingPunct="1">
              <a:lnSpc>
                <a:spcPct val="100000"/>
              </a:lnSpc>
              <a:spcBef>
                <a:spcPct val="0"/>
              </a:spcBef>
              <a:spcAft>
                <a:spcPts val="600"/>
              </a:spcAft>
              <a:buClrTx/>
              <a:buSzTx/>
              <a:buFont typeface="+mj-lt"/>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Click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ome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ab</a:t>
            </a:r>
            <a:endParaRPr lang="sv-SE"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marL="0" marR="0" indent="0" algn="l" defTabSz="914400" rtl="0" eaLnBrk="1" fontAlgn="auto" latinLnBrk="0" hangingPunct="1">
              <a:lnSpc>
                <a:spcPct val="100000"/>
              </a:lnSpc>
              <a:spcBef>
                <a:spcPct val="0"/>
              </a:spcBef>
              <a:spcAft>
                <a:spcPts val="600"/>
              </a:spcAft>
              <a:buClrTx/>
              <a:buSzTx/>
              <a:buFont typeface="+mj-lt"/>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Click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Reset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menu to reset position, size and formatting of the slide placeholdersto their default settings</a:t>
            </a:r>
            <a:endParaRPr lang="sv-SE" sz="900" noProof="1">
              <a:solidFill>
                <a:schemeClr val="tx1"/>
              </a:solidFill>
              <a:latin typeface="Veidekke Favorit Offc" panose="020B0504030202060203" pitchFamily="34" charset="0"/>
              <a:cs typeface="Veidekke Favorit Offc" panose="020B0504030202060203" pitchFamily="34" charset="0"/>
            </a:endParaRPr>
          </a:p>
        </p:txBody>
      </p:sp>
      <p:sp>
        <p:nvSpPr>
          <p:cNvPr id="21" name="Text Box 3"/>
          <p:cNvSpPr txBox="1">
            <a:spLocks noChangeArrowheads="1"/>
          </p:cNvSpPr>
          <p:nvPr userDrawn="1"/>
        </p:nvSpPr>
        <p:spPr bwMode="auto">
          <a:xfrm>
            <a:off x="4662000" y="1207892"/>
            <a:ext cx="2711598" cy="3200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 Insert corporate picture</a:t>
            </a:r>
            <a:endParaRPr lang="sv-SE" altLang="da-DK" sz="900" b="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ct val="0"/>
              </a:spcBef>
              <a:spcAft>
                <a:spcPts val="600"/>
              </a:spcAft>
              <a:buClrTx/>
              <a:buSzTx/>
              <a:buFontTx/>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Click the blu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emplafy</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button</a:t>
            </a:r>
            <a:endParaRPr lang="sv-SE"/>
          </a:p>
          <a:p>
            <a:pPr marL="0" marR="0" lvl="0" indent="0" algn="l" defTabSz="914400" rtl="0" eaLnBrk="1" fontAlgn="auto" latinLnBrk="0" hangingPunct="1">
              <a:lnSpc>
                <a:spcPct val="100000"/>
              </a:lnSpc>
              <a:spcBef>
                <a:spcPct val="0"/>
              </a:spcBef>
              <a:spcAft>
                <a:spcPts val="600"/>
              </a:spcAft>
              <a:buClrTx/>
              <a:buSzTx/>
              <a:buFontTx/>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 the dropdown, click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mages</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or click </a:t>
            </a:r>
            <a:br>
              <a:rPr sz="900"/>
            </a:b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mages</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button in the right Templafy pane</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B. Browse for other pictures</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mage Tools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nder company tab </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sert</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o browse for a picture</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 Insert copied picture</a:t>
            </a:r>
            <a:endParaRPr lang="sv-SE" altLang="da-DK" sz="900" noProof="0">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mage Tools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nder company tab </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sert</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o browse for a picture</a:t>
            </a:r>
            <a:endParaRPr lang="sv-SE"/>
          </a:p>
          <a:p>
            <a:pPr eaLnBrk="1" hangingPunct="1">
              <a:spcAft>
                <a:spcPts val="600"/>
              </a:spcAft>
              <a:defRPr/>
            </a:pPr>
            <a:endParaRPr lang="sv-SE" altLang="da-DK" sz="900" b="0" baseline="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ct val="0"/>
              </a:spcBef>
              <a:spcAft>
                <a:spcPts val="600"/>
              </a:spcAft>
              <a:buClrTx/>
              <a:buSzTx/>
              <a:buFontTx/>
              <a:buNone/>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olor</a:t>
            </a:r>
            <a:br>
              <a:rPr sz="900"/>
            </a:br>
            <a:r>
              <a:rPr lang="en-GB" sz="898"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se only the top colors in the color theme or Custom Colors.</a:t>
            </a:r>
            <a:endParaRPr lang="sv-SE" altLang="da-DK" sz="673" b="1" noProof="1">
              <a:solidFill>
                <a:schemeClr val="tx1"/>
              </a:solidFill>
              <a:latin typeface="+mn-lt"/>
              <a:cs typeface="Veidekke Favorit Offc" panose="020B0504030202060203" pitchFamily="34" charset="0"/>
            </a:endParaRPr>
          </a:p>
          <a:p>
            <a:pPr eaLnBrk="1" hangingPunct="1">
              <a:spcAft>
                <a:spcPts val="600"/>
              </a:spcAft>
              <a:defRPr/>
            </a:pPr>
            <a:endParaRPr lang="sv-SE" altLang="da-DK" sz="900" b="0" baseline="0" noProof="1">
              <a:solidFill>
                <a:schemeClr val="tx1"/>
              </a:solidFill>
              <a:latin typeface="Veidekke Favorit Offc" panose="020B0504030202060203" pitchFamily="34" charset="0"/>
              <a:cs typeface="Veidekke Favorit Offc" panose="020B0504030202060203" pitchFamily="34" charset="0"/>
            </a:endParaRPr>
          </a:p>
        </p:txBody>
      </p:sp>
      <p:sp>
        <p:nvSpPr>
          <p:cNvPr id="9" name="Header"/>
          <p:cNvSpPr txBox="1"/>
          <p:nvPr userDrawn="1"/>
        </p:nvSpPr>
        <p:spPr>
          <a:xfrm>
            <a:off x="539750" y="425348"/>
            <a:ext cx="11109323" cy="650171"/>
          </a:xfrm>
          <a:prstGeom prst="rect">
            <a:avLst/>
          </a:prstGeom>
          <a:noFill/>
        </p:spPr>
        <p:txBody>
          <a:bodyPr wrap="square" lIns="0" tIns="0" rIns="0" bIns="0" rtlCol="0" anchor="t" anchorCtr="0">
            <a:noAutofit/>
          </a:bodyPr>
          <a:lstStyle/>
          <a:p>
            <a:r>
              <a:rPr lang="en-GB" sz="32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ser guide – delete before use</a:t>
            </a:r>
            <a:endParaRPr lang="sv-SE" sz="1800" noProof="0"/>
          </a:p>
        </p:txBody>
      </p:sp>
      <p:sp>
        <p:nvSpPr>
          <p:cNvPr id="29" name="Text Box 2"/>
          <p:cNvSpPr txBox="1">
            <a:spLocks noChangeArrowheads="1"/>
          </p:cNvSpPr>
          <p:nvPr userDrawn="1"/>
        </p:nvSpPr>
        <p:spPr bwMode="auto">
          <a:xfrm>
            <a:off x="539750" y="1207892"/>
            <a:ext cx="3092798" cy="10515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se text styles</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Use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AB</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key to jump through levels. Click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ENTER</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hen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AB</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o switch from one level to the next level</a:t>
            </a:r>
            <a:endParaRPr lang="sv-SE"/>
          </a:p>
          <a:p>
            <a:pPr eaLnBrk="1" hangingPunct="1">
              <a:spcAft>
                <a:spcPts val="600"/>
              </a:spcAft>
              <a:defRPr/>
            </a:pP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o go back in levels us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SHIFT-TAB</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lternatively,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crease</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and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ecrease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list level </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an be used</a:t>
            </a:r>
            <a:endParaRPr lang="sv-SE"/>
          </a:p>
        </p:txBody>
      </p:sp>
      <p:sp>
        <p:nvSpPr>
          <p:cNvPr id="25" name="Text Box 4"/>
          <p:cNvSpPr txBox="1">
            <a:spLocks noChangeArrowheads="1"/>
          </p:cNvSpPr>
          <p:nvPr userDrawn="1"/>
        </p:nvSpPr>
        <p:spPr bwMode="auto">
          <a:xfrm>
            <a:off x="8956800" y="1207892"/>
            <a:ext cx="2412000" cy="38455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sert picture</a:t>
            </a:r>
            <a:endParaRPr lang="sv-SE"/>
          </a:p>
          <a:p>
            <a:pPr marL="0" marR="0" lvl="0" indent="0" algn="l" defTabSz="914400" rtl="0" eaLnBrk="1" fontAlgn="auto" latinLnBrk="0" hangingPunct="1">
              <a:lnSpc>
                <a:spcPct val="100000"/>
              </a:lnSpc>
              <a:spcBef>
                <a:spcPct val="0"/>
              </a:spcBef>
              <a:spcAft>
                <a:spcPts val="600"/>
              </a:spcAft>
              <a:buClrTx/>
              <a:buSzTx/>
              <a:buFontTx/>
              <a:buNone/>
              <a:defRPr/>
            </a:pP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On slides with picture placeholder or any other placeholder, click on the placeholder.</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int: hold down the Shift button and click on the placeholder</a:t>
            </a:r>
            <a:endParaRPr lang="sv-SE"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hange picture</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rop</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o change size or </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focus of the picture</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f you want to scale the picture, hold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SHIFT</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key down while dragging the corners of the picture</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int: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f you delete the picture and insert a new one, the picture may lie in front of the text or graphic.</a:t>
            </a:r>
            <a:br>
              <a:rPr sz="900"/>
            </a:b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f this happens, select the picture, right-click and choos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Send to Back</a:t>
            </a:r>
            <a:endParaRPr lang="sv-SE"/>
          </a:p>
          <a:p>
            <a:pPr eaLnBrk="1" hangingPunct="1">
              <a:spcBef>
                <a:spcPts val="10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Guides</a:t>
            </a:r>
            <a:endParaRPr lang="sv-SE"/>
          </a:p>
          <a:p>
            <a:pPr eaLnBrk="1" hangingPunct="1">
              <a:spcAft>
                <a:spcPts val="600"/>
              </a:spcAft>
              <a:defRPr/>
            </a:pP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o view drawing guides</a:t>
            </a:r>
            <a:endParaRPr lang="sv-SE"/>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View</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 tab, set tick mark next to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Guides</a:t>
            </a:r>
            <a:endParaRPr lang="sv-SE" altLang="da-DK" sz="900" b="0"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int: Alt + F9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for quick viewing of guides</a:t>
            </a:r>
            <a:endParaRPr lang="sv-SE" altLang="da-DK" sz="900" b="1" noProof="1">
              <a:solidFill>
                <a:schemeClr val="tx1"/>
              </a:solidFill>
              <a:latin typeface="Veidekke Favorit Offc" panose="020B0504030202060203" pitchFamily="34" charset="0"/>
              <a:cs typeface="Veidekke Favorit Offc" panose="020B0504030202060203" pitchFamily="34" charset="0"/>
            </a:endParaRPr>
          </a:p>
        </p:txBody>
      </p:sp>
      <p:pic>
        <p:nvPicPr>
          <p:cNvPr id="28" name="1 Increase decrease"/>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34940" y="1927440"/>
            <a:ext cx="549328" cy="285228"/>
          </a:xfrm>
          <a:prstGeom prst="rect">
            <a:avLst/>
          </a:prstGeom>
        </p:spPr>
      </p:pic>
      <p:grpSp>
        <p:nvGrpSpPr>
          <p:cNvPr id="24" name="Gruppe 23">
            <a:extLst>
              <a:ext uri="{FF2B5EF4-FFF2-40B4-BE49-F238E27FC236}">
                <a16:creationId xmlns:a16="http://schemas.microsoft.com/office/drawing/2014/main" id="{48EAA219-FFE7-4387-A385-4D3D0AF728CE}"/>
              </a:ext>
            </a:extLst>
          </p:cNvPr>
          <p:cNvGrpSpPr/>
          <p:nvPr userDrawn="1"/>
        </p:nvGrpSpPr>
        <p:grpSpPr>
          <a:xfrm>
            <a:off x="7373598" y="2057355"/>
            <a:ext cx="740398" cy="734626"/>
            <a:chOff x="6398620" y="3815586"/>
            <a:chExt cx="740398" cy="734626"/>
          </a:xfrm>
        </p:grpSpPr>
        <p:pic>
          <p:nvPicPr>
            <p:cNvPr id="30" name="6 Crop">
              <a:extLst>
                <a:ext uri="{FF2B5EF4-FFF2-40B4-BE49-F238E27FC236}">
                  <a16:creationId xmlns:a16="http://schemas.microsoft.com/office/drawing/2014/main" id="{EC854AD3-9DFC-4A83-BDF0-A7E2B01F9B0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6398620" y="3815586"/>
              <a:ext cx="337400" cy="321707"/>
            </a:xfrm>
            <a:prstGeom prst="rect">
              <a:avLst/>
            </a:prstGeom>
          </p:spPr>
        </p:pic>
        <p:pic>
          <p:nvPicPr>
            <p:cNvPr id="31" name="Billede 30">
              <a:extLst>
                <a:ext uri="{FF2B5EF4-FFF2-40B4-BE49-F238E27FC236}">
                  <a16:creationId xmlns:a16="http://schemas.microsoft.com/office/drawing/2014/main" id="{E2414F06-53F0-4323-A4A9-91728B89EE83}"/>
                </a:ext>
              </a:extLst>
            </p:cNvPr>
            <p:cNvPicPr>
              <a:picLocks noChangeAspect="1"/>
            </p:cNvPicPr>
            <p:nvPr userDrawn="1"/>
          </p:nvPicPr>
          <p:blipFill>
            <a:blip r:embed="rId4">
              <a:extLst>
                <a:ext uri="{28A0092B-C50C-407E-A947-70E740481C1C}">
                  <a14:useLocalDpi xmlns:a14="http://schemas.microsoft.com/office/drawing/2010/main" val="0"/>
                </a:ext>
              </a:extLst>
            </a:blip>
            <a:stretch>
              <a:fillRect/>
            </a:stretch>
          </p:blipFill>
          <p:spPr>
            <a:xfrm>
              <a:off x="6442770" y="4118189"/>
              <a:ext cx="696248" cy="432023"/>
            </a:xfrm>
            <a:prstGeom prst="rect">
              <a:avLst/>
            </a:prstGeom>
            <a:ln w="3175">
              <a:solidFill>
                <a:schemeClr val="bg1">
                  <a:lumMod val="95000"/>
                </a:schemeClr>
              </a:solidFill>
            </a:ln>
          </p:spPr>
        </p:pic>
      </p:grpSp>
      <p:grpSp>
        <p:nvGrpSpPr>
          <p:cNvPr id="32" name="Gruppe 31">
            <a:extLst>
              <a:ext uri="{FF2B5EF4-FFF2-40B4-BE49-F238E27FC236}">
                <a16:creationId xmlns:a16="http://schemas.microsoft.com/office/drawing/2014/main" id="{78224CA6-7D55-40AF-AF08-7CC6E7C4B3C8}"/>
              </a:ext>
            </a:extLst>
          </p:cNvPr>
          <p:cNvGrpSpPr/>
          <p:nvPr userDrawn="1"/>
        </p:nvGrpSpPr>
        <p:grpSpPr>
          <a:xfrm>
            <a:off x="7376339" y="2874955"/>
            <a:ext cx="740397" cy="929593"/>
            <a:chOff x="6391652" y="4854581"/>
            <a:chExt cx="740397" cy="929593"/>
          </a:xfrm>
        </p:grpSpPr>
        <p:pic>
          <p:nvPicPr>
            <p:cNvPr id="33" name="6 Crop">
              <a:extLst>
                <a:ext uri="{FF2B5EF4-FFF2-40B4-BE49-F238E27FC236}">
                  <a16:creationId xmlns:a16="http://schemas.microsoft.com/office/drawing/2014/main" id="{B89DF8E6-B7F7-4857-A1D8-15B39D7AF804}"/>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6391652" y="4854581"/>
              <a:ext cx="337400" cy="321707"/>
            </a:xfrm>
            <a:prstGeom prst="rect">
              <a:avLst/>
            </a:prstGeom>
          </p:spPr>
        </p:pic>
        <p:pic>
          <p:nvPicPr>
            <p:cNvPr id="34" name="Billede 33">
              <a:extLst>
                <a:ext uri="{FF2B5EF4-FFF2-40B4-BE49-F238E27FC236}">
                  <a16:creationId xmlns:a16="http://schemas.microsoft.com/office/drawing/2014/main" id="{39AFA131-B5A7-4AB6-889F-69CF39F4C881}"/>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6442770" y="5155024"/>
              <a:ext cx="689279" cy="629150"/>
            </a:xfrm>
            <a:prstGeom prst="rect">
              <a:avLst/>
            </a:prstGeom>
            <a:ln w="3175">
              <a:solidFill>
                <a:schemeClr val="bg1">
                  <a:lumMod val="95000"/>
                </a:schemeClr>
              </a:solidFill>
            </a:ln>
          </p:spPr>
        </p:pic>
      </p:grpSp>
      <p:grpSp>
        <p:nvGrpSpPr>
          <p:cNvPr id="35" name="Gruppe 34">
            <a:extLst>
              <a:ext uri="{FF2B5EF4-FFF2-40B4-BE49-F238E27FC236}">
                <a16:creationId xmlns:a16="http://schemas.microsoft.com/office/drawing/2014/main" id="{126BB6BB-8852-44D9-A0EB-7B0A29B5CAFC}"/>
              </a:ext>
            </a:extLst>
          </p:cNvPr>
          <p:cNvGrpSpPr/>
          <p:nvPr userDrawn="1"/>
        </p:nvGrpSpPr>
        <p:grpSpPr>
          <a:xfrm>
            <a:off x="7417748" y="1029883"/>
            <a:ext cx="676669" cy="997704"/>
            <a:chOff x="6442771" y="2574072"/>
            <a:chExt cx="676669" cy="997704"/>
          </a:xfrm>
        </p:grpSpPr>
        <p:pic>
          <p:nvPicPr>
            <p:cNvPr id="36" name="Billede 35">
              <a:extLst>
                <a:ext uri="{FF2B5EF4-FFF2-40B4-BE49-F238E27FC236}">
                  <a16:creationId xmlns:a16="http://schemas.microsoft.com/office/drawing/2014/main" id="{2EC1AD58-F087-456F-B1CF-97A8AD608A12}"/>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6442771" y="2574072"/>
              <a:ext cx="305786" cy="365851"/>
            </a:xfrm>
            <a:prstGeom prst="rect">
              <a:avLst/>
            </a:prstGeom>
          </p:spPr>
        </p:pic>
        <p:pic>
          <p:nvPicPr>
            <p:cNvPr id="37" name="Billede 36">
              <a:extLst>
                <a:ext uri="{FF2B5EF4-FFF2-40B4-BE49-F238E27FC236}">
                  <a16:creationId xmlns:a16="http://schemas.microsoft.com/office/drawing/2014/main" id="{A1105FA6-DF1D-44A9-BD39-B99136D7B2BC}"/>
                </a:ext>
              </a:extLst>
            </p:cNvPr>
            <p:cNvPicPr>
              <a:picLocks noChangeAspect="1"/>
            </p:cNvPicPr>
            <p:nvPr userDrawn="1"/>
          </p:nvPicPr>
          <p:blipFill>
            <a:blip r:embed="rId7">
              <a:extLst>
                <a:ext uri="{28A0092B-C50C-407E-A947-70E740481C1C}">
                  <a14:useLocalDpi xmlns:a14="http://schemas.microsoft.com/office/drawing/2010/main" val="0"/>
                </a:ext>
              </a:extLst>
            </a:blip>
            <a:stretch>
              <a:fillRect/>
            </a:stretch>
          </p:blipFill>
          <p:spPr>
            <a:xfrm>
              <a:off x="6444587" y="2943287"/>
              <a:ext cx="674853" cy="628489"/>
            </a:xfrm>
            <a:prstGeom prst="rect">
              <a:avLst/>
            </a:prstGeom>
            <a:ln w="3175">
              <a:solidFill>
                <a:schemeClr val="bg1">
                  <a:lumMod val="95000"/>
                </a:schemeClr>
              </a:solidFill>
            </a:ln>
          </p:spPr>
        </p:pic>
      </p:grpSp>
      <p:pic>
        <p:nvPicPr>
          <p:cNvPr id="39" name="6 Beskær">
            <a:extLst>
              <a:ext uri="{FF2B5EF4-FFF2-40B4-BE49-F238E27FC236}">
                <a16:creationId xmlns:a16="http://schemas.microsoft.com/office/drawing/2014/main" id="{F1E5DB47-CE9C-4A68-BA80-97FFD80C5CAE}"/>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11293191" y="2376591"/>
            <a:ext cx="337400" cy="321707"/>
          </a:xfrm>
          <a:prstGeom prst="rect">
            <a:avLst/>
          </a:prstGeom>
        </p:spPr>
      </p:pic>
      <p:pic>
        <p:nvPicPr>
          <p:cNvPr id="40" name="7 Skalér billede">
            <a:extLst>
              <a:ext uri="{FF2B5EF4-FFF2-40B4-BE49-F238E27FC236}">
                <a16:creationId xmlns:a16="http://schemas.microsoft.com/office/drawing/2014/main" id="{472C50C0-81D4-4FF8-9774-95FB88A3DB59}"/>
              </a:ext>
            </a:extLst>
          </p:cNvPr>
          <p:cNvPicPr>
            <a:picLocks noChangeAspect="1"/>
          </p:cNvPicPr>
          <p:nvPr userDrawn="1"/>
        </p:nvPicPr>
        <p:blipFill>
          <a:blip r:embed="rId8">
            <a:extLst>
              <a:ext uri="{28A0092B-C50C-407E-A947-70E740481C1C}">
                <a14:useLocalDpi xmlns:a14="http://schemas.microsoft.com/office/drawing/2010/main" val="0"/>
              </a:ext>
            </a:extLst>
          </a:blip>
          <a:stretch>
            <a:fillRect/>
          </a:stretch>
        </p:blipFill>
        <p:spPr>
          <a:xfrm>
            <a:off x="11293191" y="3293507"/>
            <a:ext cx="359695" cy="335309"/>
          </a:xfrm>
          <a:prstGeom prst="rect">
            <a:avLst/>
          </a:prstGeom>
        </p:spPr>
      </p:pic>
      <p:sp>
        <p:nvSpPr>
          <p:cNvPr id="27" name="Text Box 2">
            <a:extLst>
              <a:ext uri="{FF2B5EF4-FFF2-40B4-BE49-F238E27FC236}">
                <a16:creationId xmlns:a16="http://schemas.microsoft.com/office/drawing/2014/main" id="{C4EDC3B1-3B31-4E00-92B6-1CD6392EC07D}"/>
              </a:ext>
            </a:extLst>
          </p:cNvPr>
          <p:cNvSpPr txBox="1">
            <a:spLocks noChangeArrowheads="1"/>
          </p:cNvSpPr>
          <p:nvPr userDrawn="1"/>
        </p:nvSpPr>
        <p:spPr bwMode="auto">
          <a:xfrm>
            <a:off x="557446" y="2598090"/>
            <a:ext cx="2677494" cy="5638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a:defRPr>
            </a:lvl1pPr>
            <a:lvl2pPr marL="742950" indent="-285750" eaLnBrk="0" hangingPunct="0">
              <a:defRPr>
                <a:solidFill>
                  <a:schemeClr val="tx1"/>
                </a:solidFill>
                <a:latin typeface="Veidekke Favorit Offc"/>
              </a:defRPr>
            </a:lvl2pPr>
            <a:lvl3pPr marL="1143000" indent="-228600" eaLnBrk="0" hangingPunct="0">
              <a:defRPr>
                <a:solidFill>
                  <a:schemeClr val="tx1"/>
                </a:solidFill>
                <a:latin typeface="Veidekke Favorit Offc"/>
              </a:defRPr>
            </a:lvl3pPr>
            <a:lvl4pPr marL="1600200" indent="-228600" eaLnBrk="0" hangingPunct="0">
              <a:defRPr>
                <a:solidFill>
                  <a:schemeClr val="tx1"/>
                </a:solidFill>
                <a:latin typeface="Veidekke Favorit Offc"/>
              </a:defRPr>
            </a:lvl4pPr>
            <a:lvl5pPr marL="2057400" indent="-228600" eaLnBrk="0" hangingPunct="0">
              <a:defRPr>
                <a:solidFill>
                  <a:schemeClr val="tx1"/>
                </a:solidFill>
                <a:latin typeface="Veidekke Favorit Offc"/>
              </a:defRPr>
            </a:lvl5pPr>
            <a:lvl6pPr marL="2514600" indent="-228600" eaLnBrk="0" fontAlgn="base" hangingPunct="0">
              <a:spcBef>
                <a:spcPct val="0"/>
              </a:spcBef>
              <a:spcAft>
                <a:spcPct val="0"/>
              </a:spcAft>
              <a:defRPr>
                <a:solidFill>
                  <a:schemeClr val="tx1"/>
                </a:solidFill>
                <a:latin typeface="Veidekke Favorit Offc"/>
              </a:defRPr>
            </a:lvl6pPr>
            <a:lvl7pPr marL="2971800" indent="-228600" eaLnBrk="0" fontAlgn="base" hangingPunct="0">
              <a:spcBef>
                <a:spcPct val="0"/>
              </a:spcBef>
              <a:spcAft>
                <a:spcPct val="0"/>
              </a:spcAft>
              <a:defRPr>
                <a:solidFill>
                  <a:schemeClr val="tx1"/>
                </a:solidFill>
                <a:latin typeface="Veidekke Favorit Offc"/>
              </a:defRPr>
            </a:lvl7pPr>
            <a:lvl8pPr marL="3429000" indent="-228600" eaLnBrk="0" fontAlgn="base" hangingPunct="0">
              <a:spcBef>
                <a:spcPct val="0"/>
              </a:spcBef>
              <a:spcAft>
                <a:spcPct val="0"/>
              </a:spcAft>
              <a:defRPr>
                <a:solidFill>
                  <a:schemeClr val="tx1"/>
                </a:solidFill>
                <a:latin typeface="Veidekke Favorit Offc"/>
              </a:defRPr>
            </a:lvl8pPr>
            <a:lvl9pPr marL="3886200" indent="-228600" eaLnBrk="0" fontAlgn="base" hangingPunct="0">
              <a:spcBef>
                <a:spcPct val="0"/>
              </a:spcBef>
              <a:spcAft>
                <a:spcPct val="0"/>
              </a:spcAft>
              <a:defRPr>
                <a:solidFill>
                  <a:schemeClr val="tx1"/>
                </a:solidFill>
                <a:latin typeface="Veidekke Favorit Offc"/>
              </a:defRPr>
            </a:lvl9pPr>
          </a:lstStyle>
          <a:p>
            <a:pPr eaLnBrk="1" hangingPunct="1">
              <a:spcBef>
                <a:spcPts val="1200"/>
              </a:spcBef>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nsert a New Slide</a:t>
            </a:r>
            <a:endParaRPr lang="sv-SE"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1.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ome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ab</a:t>
            </a:r>
            <a:endParaRPr lang="sv-SE"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2.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Click on the </a:t>
            </a:r>
            <a:r>
              <a:rPr lang="en-GB" sz="9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New Slide </a:t>
            </a:r>
            <a:r>
              <a:rPr lang="en-GB" sz="9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o insert new slide</a:t>
            </a:r>
            <a:endParaRPr lang="sv-SE"/>
          </a:p>
        </p:txBody>
      </p:sp>
      <p:pic>
        <p:nvPicPr>
          <p:cNvPr id="38" name="2 New picture">
            <a:extLst>
              <a:ext uri="{FF2B5EF4-FFF2-40B4-BE49-F238E27FC236}">
                <a16:creationId xmlns:a16="http://schemas.microsoft.com/office/drawing/2014/main" id="{A38BA332-960D-4B31-B9A4-D96B481A7D6E}"/>
              </a:ext>
            </a:extLst>
          </p:cNvPr>
          <p:cNvPicPr>
            <a:picLocks noChangeAspect="1"/>
          </p:cNvPicPr>
          <p:nvPr userDrawn="1"/>
        </p:nvPicPr>
        <p:blipFill>
          <a:blip r:embed="rId9">
            <a:extLst>
              <a:ext uri="{28A0092B-C50C-407E-A947-70E740481C1C}">
                <a14:useLocalDpi xmlns:a14="http://schemas.microsoft.com/office/drawing/2010/main" val="0"/>
              </a:ext>
            </a:extLst>
          </a:blip>
          <a:stretch>
            <a:fillRect/>
          </a:stretch>
        </p:blipFill>
        <p:spPr>
          <a:xfrm>
            <a:off x="3256543" y="2614627"/>
            <a:ext cx="324764" cy="578237"/>
          </a:xfrm>
          <a:prstGeom prst="rect">
            <a:avLst/>
          </a:prstGeom>
        </p:spPr>
      </p:pic>
      <p:pic>
        <p:nvPicPr>
          <p:cNvPr id="41" name="3 Layout">
            <a:extLst>
              <a:ext uri="{FF2B5EF4-FFF2-40B4-BE49-F238E27FC236}">
                <a16:creationId xmlns:a16="http://schemas.microsoft.com/office/drawing/2014/main" id="{1B5AB7CA-5789-40BF-B54E-5217682BC2A5}"/>
              </a:ext>
            </a:extLst>
          </p:cNvPr>
          <p:cNvPicPr>
            <a:picLocks noChangeAspect="1"/>
          </p:cNvPicPr>
          <p:nvPr userDrawn="1"/>
        </p:nvPicPr>
        <p:blipFill>
          <a:blip r:embed="rId10">
            <a:extLst>
              <a:ext uri="{28A0092B-C50C-407E-A947-70E740481C1C}">
                <a14:useLocalDpi xmlns:a14="http://schemas.microsoft.com/office/drawing/2010/main" val="0"/>
              </a:ext>
            </a:extLst>
          </a:blip>
          <a:stretch>
            <a:fillRect/>
          </a:stretch>
        </p:blipFill>
        <p:spPr>
          <a:xfrm>
            <a:off x="3235610" y="3718756"/>
            <a:ext cx="593368" cy="192211"/>
          </a:xfrm>
          <a:prstGeom prst="rect">
            <a:avLst/>
          </a:prstGeom>
        </p:spPr>
      </p:pic>
      <p:pic>
        <p:nvPicPr>
          <p:cNvPr id="42" name="4 Reset">
            <a:extLst>
              <a:ext uri="{FF2B5EF4-FFF2-40B4-BE49-F238E27FC236}">
                <a16:creationId xmlns:a16="http://schemas.microsoft.com/office/drawing/2014/main" id="{87C62FC6-4342-45D1-941A-C3F820045D1B}"/>
              </a:ext>
            </a:extLst>
          </p:cNvPr>
          <p:cNvPicPr>
            <a:picLocks noChangeAspect="1"/>
          </p:cNvPicPr>
          <p:nvPr userDrawn="1"/>
        </p:nvPicPr>
        <p:blipFill>
          <a:blip r:embed="rId11">
            <a:extLst>
              <a:ext uri="{28A0092B-C50C-407E-A947-70E740481C1C}">
                <a14:useLocalDpi xmlns:a14="http://schemas.microsoft.com/office/drawing/2010/main" val="0"/>
              </a:ext>
            </a:extLst>
          </a:blip>
          <a:stretch>
            <a:fillRect/>
          </a:stretch>
        </p:blipFill>
        <p:spPr>
          <a:xfrm>
            <a:off x="3256543" y="4892055"/>
            <a:ext cx="492452" cy="200416"/>
          </a:xfrm>
          <a:prstGeom prst="rect">
            <a:avLst/>
          </a:prstGeom>
        </p:spPr>
      </p:pic>
      <p:grpSp>
        <p:nvGrpSpPr>
          <p:cNvPr id="5" name="Group 4">
            <a:extLst>
              <a:ext uri="{FF2B5EF4-FFF2-40B4-BE49-F238E27FC236}">
                <a16:creationId xmlns:a16="http://schemas.microsoft.com/office/drawing/2014/main" id="{4CC80A4E-3A5E-35FF-5817-0ADBCDE2FD60}"/>
              </a:ext>
            </a:extLst>
          </p:cNvPr>
          <p:cNvGrpSpPr/>
          <p:nvPr userDrawn="1"/>
        </p:nvGrpSpPr>
        <p:grpSpPr>
          <a:xfrm>
            <a:off x="4652038" y="4218062"/>
            <a:ext cx="893784" cy="1941665"/>
            <a:chOff x="4652038" y="4218062"/>
            <a:chExt cx="893784" cy="1941665"/>
          </a:xfrm>
        </p:grpSpPr>
        <p:pic>
          <p:nvPicPr>
            <p:cNvPr id="4" name="Picture 3">
              <a:extLst>
                <a:ext uri="{FF2B5EF4-FFF2-40B4-BE49-F238E27FC236}">
                  <a16:creationId xmlns:a16="http://schemas.microsoft.com/office/drawing/2014/main" id="{561AD108-4DBA-A4E0-B972-B599D5E23681}"/>
                </a:ext>
              </a:extLst>
            </p:cNvPr>
            <p:cNvPicPr>
              <a:picLocks noChangeAspect="1"/>
            </p:cNvPicPr>
            <p:nvPr userDrawn="1"/>
          </p:nvPicPr>
          <p:blipFill>
            <a:blip r:embed="rId12">
              <a:extLst>
                <a:ext uri="{28A0092B-C50C-407E-A947-70E740481C1C}">
                  <a14:useLocalDpi xmlns:a14="http://schemas.microsoft.com/office/drawing/2010/main" val="0"/>
                </a:ext>
              </a:extLst>
            </a:blip>
            <a:stretch>
              <a:fillRect/>
            </a:stretch>
          </p:blipFill>
          <p:spPr>
            <a:xfrm>
              <a:off x="4652038" y="4218062"/>
              <a:ext cx="893783" cy="1941665"/>
            </a:xfrm>
            <a:prstGeom prst="rect">
              <a:avLst/>
            </a:prstGeom>
          </p:spPr>
        </p:pic>
        <p:sp>
          <p:nvSpPr>
            <p:cNvPr id="44" name="Rectangle 43">
              <a:extLst>
                <a:ext uri="{FF2B5EF4-FFF2-40B4-BE49-F238E27FC236}">
                  <a16:creationId xmlns:a16="http://schemas.microsoft.com/office/drawing/2014/main" id="{EE8981F1-A09B-3003-B44B-390E6AA7418F}"/>
                </a:ext>
              </a:extLst>
            </p:cNvPr>
            <p:cNvSpPr/>
            <p:nvPr userDrawn="1"/>
          </p:nvSpPr>
          <p:spPr>
            <a:xfrm>
              <a:off x="4656494" y="4361026"/>
              <a:ext cx="889328" cy="12384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sv-SE" sz="1796" err="1"/>
            </a:p>
          </p:txBody>
        </p:sp>
        <p:cxnSp>
          <p:nvCxnSpPr>
            <p:cNvPr id="45" name="Straight Connector 44">
              <a:extLst>
                <a:ext uri="{FF2B5EF4-FFF2-40B4-BE49-F238E27FC236}">
                  <a16:creationId xmlns:a16="http://schemas.microsoft.com/office/drawing/2014/main" id="{229DB372-82E8-1734-C7CB-AEB49BE1BE70}"/>
                </a:ext>
              </a:extLst>
            </p:cNvPr>
            <p:cNvCxnSpPr/>
            <p:nvPr userDrawn="1"/>
          </p:nvCxnSpPr>
          <p:spPr>
            <a:xfrm>
              <a:off x="4663112" y="4524905"/>
              <a:ext cx="855964" cy="34723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D0681C3C-9122-9C6A-57CA-3A2EC3AF55B6}"/>
                </a:ext>
              </a:extLst>
            </p:cNvPr>
            <p:cNvCxnSpPr/>
            <p:nvPr userDrawn="1"/>
          </p:nvCxnSpPr>
          <p:spPr>
            <a:xfrm flipV="1">
              <a:off x="4668415" y="4523024"/>
              <a:ext cx="865331" cy="35099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nvGrpSpPr>
            <p:cNvPr id="8" name="Group 7">
              <a:extLst>
                <a:ext uri="{FF2B5EF4-FFF2-40B4-BE49-F238E27FC236}">
                  <a16:creationId xmlns:a16="http://schemas.microsoft.com/office/drawing/2014/main" id="{2FF8C5E7-B5D7-7DA8-7A6D-5A19412B76D0}"/>
                </a:ext>
              </a:extLst>
            </p:cNvPr>
            <p:cNvGrpSpPr/>
            <p:nvPr userDrawn="1"/>
          </p:nvGrpSpPr>
          <p:grpSpPr>
            <a:xfrm>
              <a:off x="4656495" y="5702390"/>
              <a:ext cx="877252" cy="131714"/>
              <a:chOff x="4656494" y="6079528"/>
              <a:chExt cx="1322539" cy="131714"/>
            </a:xfrm>
          </p:grpSpPr>
          <p:cxnSp>
            <p:nvCxnSpPr>
              <p:cNvPr id="47" name="Straight Connector 46">
                <a:extLst>
                  <a:ext uri="{FF2B5EF4-FFF2-40B4-BE49-F238E27FC236}">
                    <a16:creationId xmlns:a16="http://schemas.microsoft.com/office/drawing/2014/main" id="{8C9D39B5-A871-0192-68EC-485F8BE750FB}"/>
                  </a:ext>
                </a:extLst>
              </p:cNvPr>
              <p:cNvCxnSpPr/>
              <p:nvPr userDrawn="1"/>
            </p:nvCxnSpPr>
            <p:spPr>
              <a:xfrm>
                <a:off x="4659398" y="6079528"/>
                <a:ext cx="1319634"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307FDE6C-CA47-26DA-9C89-BB9C146ACEBB}"/>
                  </a:ext>
                </a:extLst>
              </p:cNvPr>
              <p:cNvCxnSpPr/>
              <p:nvPr userDrawn="1"/>
            </p:nvCxnSpPr>
            <p:spPr>
              <a:xfrm flipV="1">
                <a:off x="4656494" y="6079529"/>
                <a:ext cx="1322539"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9" name="Rectangle 48">
              <a:extLst>
                <a:ext uri="{FF2B5EF4-FFF2-40B4-BE49-F238E27FC236}">
                  <a16:creationId xmlns:a16="http://schemas.microsoft.com/office/drawing/2014/main" id="{FA1CEE31-855D-C70B-4360-3DCD20A832C9}"/>
                </a:ext>
              </a:extLst>
            </p:cNvPr>
            <p:cNvSpPr/>
            <p:nvPr userDrawn="1"/>
          </p:nvSpPr>
          <p:spPr>
            <a:xfrm>
              <a:off x="4962617" y="5068811"/>
              <a:ext cx="580976" cy="465894"/>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sv-SE" sz="1796" err="1"/>
            </a:p>
          </p:txBody>
        </p:sp>
      </p:grpSp>
    </p:spTree>
    <p:extLst>
      <p:ext uri="{BB962C8B-B14F-4D97-AF65-F5344CB8AC3E}">
        <p14:creationId xmlns:p14="http://schemas.microsoft.com/office/powerpoint/2010/main" val="64241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accent2"/>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err="1">
              <a:solidFill>
                <a:schemeClr val="tx1"/>
              </a:solidFill>
            </a:endParaRPr>
          </a:p>
        </p:txBody>
      </p:sp>
      <p:sp>
        <p:nvSpPr>
          <p:cNvPr id="5" name="Do not use"/>
          <p:cNvSpPr txBox="1"/>
          <p:nvPr userDrawn="1"/>
        </p:nvSpPr>
        <p:spPr>
          <a:xfrm>
            <a:off x="430213" y="656823"/>
            <a:ext cx="11356977" cy="2865120"/>
          </a:xfrm>
          <a:prstGeom prst="rect">
            <a:avLst/>
          </a:prstGeom>
          <a:noFill/>
        </p:spPr>
        <p:txBody>
          <a:bodyPr wrap="square" lIns="0" tIns="0" rIns="0" bIns="0" rtlCol="0">
            <a:spAutoFit/>
          </a:bodyPr>
          <a:lstStyle/>
          <a:p>
            <a:pPr marL="0" marR="0" indent="0" algn="ctr" fontAlgn="auto">
              <a:lnSpc>
                <a:spcPct val="100000"/>
              </a:lnSpc>
              <a:spcBef>
                <a:spcPts val="600"/>
              </a:spcBef>
              <a:spcAft>
                <a:spcPct val="0"/>
              </a:spcAft>
              <a:buClr>
                <a:srgbClr val="003755"/>
              </a:buClr>
              <a:buSzTx/>
              <a:buFontTx/>
              <a:buNone/>
            </a:pPr>
            <a:r>
              <a:rPr lang="en-GB" sz="44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If you see any </a:t>
            </a:r>
            <a:r>
              <a:rPr lang="en-GB" sz="4400" b="1" i="1" u="none" strike="noStrike" cap="none" baseline="0">
                <a:solidFill>
                  <a:srgbClr val="FFFFFF"/>
                </a:solidFill>
                <a:effectLst/>
                <a:uFill>
                  <a:solidFill>
                    <a:prstClr val="black">
                      <a:alpha val="0"/>
                    </a:prstClr>
                  </a:solidFill>
                </a:uFill>
                <a:latin typeface="Veidekke Favorit Offc"/>
                <a:ea typeface="Veidekke Favorit Offc"/>
                <a:cs typeface="Veidekke Favorit Offc"/>
              </a:rPr>
              <a:t>layouts after this </a:t>
            </a:r>
            <a:r>
              <a:rPr lang="en-GB" sz="44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one</a:t>
            </a:r>
            <a:r>
              <a:rPr lang="en-GB" sz="4400" b="1" i="1"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t>
            </a:r>
            <a:br>
              <a:rPr sz="4400"/>
            </a:br>
            <a:r>
              <a:rPr lang="en-GB" sz="44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do not use them. These layouts </a:t>
            </a:r>
            <a:r>
              <a:rPr lang="en-GB" sz="4400" b="1" i="1"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re not </a:t>
            </a:r>
            <a:r>
              <a:rPr lang="en-GB" sz="44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part of our corporate template.</a:t>
            </a:r>
            <a:br>
              <a:rPr sz="2800"/>
            </a:br>
            <a:br>
              <a:rPr sz="2800"/>
            </a:br>
            <a:endParaRPr lang="sv-SE" sz="2800" b="0" noProof="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sv-SE"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194560"/>
          </a:xfrm>
          <a:prstGeom prst="rect">
            <a:avLst/>
          </a:prstGeom>
        </p:spPr>
        <p:txBody>
          <a:bodyPr wrap="square">
            <a:spAutoFit/>
          </a:bodyPr>
          <a:lstStyle/>
          <a:p>
            <a:pPr algn="ctr"/>
            <a:r>
              <a:rPr lang="en-GB" sz="13800" b="1" i="1" u="none" strike="noStrike" cap="none" baseline="0">
                <a:solidFill>
                  <a:srgbClr val="FFFFFF"/>
                </a:solidFill>
                <a:effectLst/>
                <a:uFill>
                  <a:solidFill>
                    <a:prstClr val="black">
                      <a:alpha val="0"/>
                    </a:prstClr>
                  </a:solidFill>
                </a:uFill>
                <a:latin typeface="Veidekke Favorit Offc"/>
                <a:ea typeface="Veidekke Favorit Offc"/>
                <a:cs typeface="Veidekke Favorit Offc"/>
              </a:rPr>
              <a:t>Do not use </a:t>
            </a:r>
            <a:endParaRPr lang="sv-SE" sz="2400" b="1" i="1">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0120"/>
          </a:xfrm>
          <a:prstGeom prst="rect">
            <a:avLst/>
          </a:prstGeom>
          <a:noFill/>
        </p:spPr>
        <p:txBody>
          <a:bodyPr wrap="square" lIns="0" tIns="0" rIns="0" bIns="0" rtlCol="0">
            <a:spAutoFit/>
          </a:bodyPr>
          <a:lstStyle/>
          <a:p>
            <a:pPr marL="0" marR="0" indent="0" algn="ctr" fontAlgn="auto">
              <a:lnSpc>
                <a:spcPct val="100000"/>
              </a:lnSpc>
              <a:spcBef>
                <a:spcPts val="600"/>
              </a:spcBef>
              <a:spcAft>
                <a:spcPct val="0"/>
              </a:spcAft>
              <a:buClr>
                <a:srgbClr val="003755"/>
              </a:buClr>
              <a:buSzTx/>
              <a:buFontTx/>
              <a:buNone/>
            </a:pPr>
            <a:r>
              <a:rPr lang="en-GB" sz="20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Due to PowerPoint’s standard Copy/Paste functionality extra undesirable layouts can appear.</a:t>
            </a:r>
            <a:endParaRPr lang="sv-SE"/>
          </a:p>
          <a:p>
            <a:pPr marL="0" marR="0" indent="0" algn="ctr" fontAlgn="auto">
              <a:lnSpc>
                <a:spcPct val="100000"/>
              </a:lnSpc>
              <a:spcBef>
                <a:spcPts val="600"/>
              </a:spcBef>
              <a:spcAft>
                <a:spcPct val="0"/>
              </a:spcAft>
              <a:buClr>
                <a:srgbClr val="003755"/>
              </a:buClr>
              <a:buSzTx/>
              <a:buFontTx/>
              <a:buNone/>
            </a:pPr>
            <a:r>
              <a:rPr lang="en-GB" sz="20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so notice: Layouts after this might contain potential confidential information.</a:t>
            </a:r>
            <a:br>
              <a:rPr sz="1800"/>
            </a:br>
            <a:endParaRPr lang="sv-SE" sz="1800" b="0" noProof="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flipH="1">
            <a:off x="0" y="6858000"/>
            <a:ext cx="0" cy="0"/>
          </a:xfrm>
        </p:spPr>
        <p:txBody>
          <a:bodyPr/>
          <a:lstStyle>
            <a:lvl1pPr>
              <a:defRPr sz="100">
                <a:noFill/>
              </a:defRPr>
            </a:lvl1pPr>
          </a:lstStyle>
          <a:p>
            <a:fld id="{6F52A3B9-C46E-47C2-A1FB-F5434525BDF4}" type="datetime4">
              <a:rPr lang="sv-SE" smtClean="0"/>
              <a:t>26 augusti 2024</a:t>
            </a:fld>
            <a:endParaRPr lang="sv-SE"/>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flipH="1">
            <a:off x="0" y="6858000"/>
            <a:ext cx="0" cy="0"/>
          </a:xfrm>
        </p:spPr>
        <p:txBody>
          <a:bodyPr/>
          <a:lstStyle>
            <a:lvl1pPr>
              <a:defRPr sz="100">
                <a:noFill/>
              </a:defRPr>
            </a:lvl1pPr>
          </a:lstStyle>
          <a:p>
            <a:endParaRPr lang="sv-SE"/>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flipH="1">
            <a:off x="0" y="6858000"/>
            <a:ext cx="0" cy="0"/>
          </a:xfrm>
        </p:spPr>
        <p:txBody>
          <a:bodyPr/>
          <a:lstStyle>
            <a:lvl1pPr>
              <a:defRPr sz="100">
                <a:noFill/>
              </a:defRPr>
            </a:lvl1pPr>
          </a:lstStyle>
          <a:p>
            <a:fld id="{23AA811B-2EBD-4900-905E-5BE206449611}" type="slidenum">
              <a:rPr lang="sv-SE" smtClean="0"/>
              <a:t>‹#›</a:t>
            </a:fld>
            <a:endParaRPr lang="sv-SE"/>
          </a:p>
        </p:txBody>
      </p:sp>
    </p:spTree>
    <p:extLst>
      <p:ext uri="{BB962C8B-B14F-4D97-AF65-F5344CB8AC3E}">
        <p14:creationId xmlns:p14="http://schemas.microsoft.com/office/powerpoint/2010/main" val="611734262"/>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59="http://schemas.microsoft.com/office/powerpoint/2015/09/main">
    <mc:Choice Requires="p159">
      <p:transition spd="slow">
        <p159:morph option="byObject"/>
      </p:transition>
    </mc:Choice>
    <mc:Fallback xmlns:p15="http://schemas.microsoft.com/office/powerpoint/2012/main" xmlns:p14="http://schemas.microsoft.com/office/powerpoint/2010/main" xmlns:a14="http://schemas.microsoft.com/office/drawing/2010/main" xmlns:wp="http://schemas.openxmlformats.org/drawingml/2006/wordprocessingDrawing" xmlns:w="http://schemas.openxmlformats.org/wordprocessingml/2006/main" xmlns:m="http://schemas.openxmlformats.org/officeDocument/2006/math" xmlns="">
      <p:transition spd="slow">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B">
    <p:bg>
      <p:bgRef idx="1001">
        <a:schemeClr val="bg1"/>
      </p:bgRef>
    </p:bg>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flipH="1">
            <a:off x="0" y="6856915"/>
            <a:ext cx="0" cy="0"/>
          </a:xfrm>
        </p:spPr>
        <p:txBody>
          <a:bodyPr/>
          <a:lstStyle/>
          <a:p>
            <a:endParaRPr lang="sv-SE"/>
          </a:p>
        </p:txBody>
      </p:sp>
      <p:sp>
        <p:nvSpPr>
          <p:cNvPr id="26" name="Date_GeneralDate" hidden="1">
            <a:extLst>
              <a:ext uri="{FF2B5EF4-FFF2-40B4-BE49-F238E27FC236}">
                <a16:creationId xmlns:a16="http://schemas.microsoft.com/office/drawing/2014/main" id="{F1B95CA8-B641-40EB-A587-D85F377F9C17}"/>
              </a:ext>
            </a:extLst>
          </p:cNvPr>
          <p:cNvSpPr txBox="1"/>
          <p:nvPr userDrawn="1"/>
        </p:nvSpPr>
        <p:spPr>
          <a:xfrm flipH="1">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t>24-08-26</a:t>
            </a:fld>
            <a:endParaRPr lang="sv-SE"/>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solidFill>
                  <a:schemeClr val="tx1"/>
                </a:solidFill>
              </a:defRPr>
            </a:lvl1pPr>
          </a:lstStyle>
          <a:p>
            <a:r>
              <a:rPr lang="sv-SE"/>
              <a:t>Agenda</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ct val="0"/>
              </a:spcBef>
              <a:spcAft>
                <a:spcPts val="1200"/>
              </a:spcAft>
              <a:buFont typeface="Veidekke Favorit Offc" panose="020B0504030202060203" pitchFamily="34" charset="0"/>
              <a:buChar char="​"/>
              <a:defRPr sz="1600">
                <a:solidFill>
                  <a:schemeClr val="tx2"/>
                </a:solidFill>
              </a:defRPr>
            </a:lvl1pPr>
            <a:lvl2pPr marL="216000">
              <a:lnSpc>
                <a:spcPct val="90000"/>
              </a:lnSpc>
              <a:spcBef>
                <a:spcPct val="0"/>
              </a:spcBef>
              <a:spcAft>
                <a:spcPts val="1200"/>
              </a:spcAft>
              <a:buClrTx/>
              <a:defRPr sz="1400">
                <a:solidFill>
                  <a:schemeClr val="tx2"/>
                </a:solidFill>
              </a:defRPr>
            </a:lvl2pPr>
            <a:lvl3pPr marL="432000">
              <a:lnSpc>
                <a:spcPct val="90000"/>
              </a:lnSpc>
              <a:spcBef>
                <a:spcPct val="0"/>
              </a:spcBef>
              <a:spcAft>
                <a:spcPts val="1200"/>
              </a:spcAft>
              <a:buClrTx/>
              <a:defRPr sz="1200">
                <a:solidFill>
                  <a:schemeClr val="tx2"/>
                </a:solidFill>
              </a:defRPr>
            </a:lvl3pPr>
            <a:lvl4pPr marL="648000">
              <a:lnSpc>
                <a:spcPct val="90000"/>
              </a:lnSpc>
              <a:spcBef>
                <a:spcPct val="0"/>
              </a:spcBef>
              <a:spcAft>
                <a:spcPts val="1200"/>
              </a:spcAft>
              <a:buClrTx/>
              <a:defRPr sz="1200">
                <a:solidFill>
                  <a:schemeClr val="tx2"/>
                </a:solidFill>
              </a:defRPr>
            </a:lvl4pPr>
            <a:lvl5pPr marL="864000">
              <a:lnSpc>
                <a:spcPct val="90000"/>
              </a:lnSpc>
              <a:spcBef>
                <a:spcPct val="0"/>
              </a:spcBef>
              <a:spcAft>
                <a:spcPts val="1200"/>
              </a:spcAft>
              <a:buClrTx/>
              <a:defRPr sz="1200">
                <a:solidFill>
                  <a:schemeClr val="tx2"/>
                </a:solidFill>
              </a:defRPr>
            </a:lvl5pPr>
            <a:lvl6pPr marL="864000">
              <a:lnSpc>
                <a:spcPct val="90000"/>
              </a:lnSpc>
              <a:spcAft>
                <a:spcPts val="1200"/>
              </a:spcAft>
              <a:buClrTx/>
              <a:defRPr sz="1200">
                <a:solidFill>
                  <a:schemeClr val="tx2"/>
                </a:solidFill>
              </a:defRPr>
            </a:lvl6pPr>
            <a:lvl7pPr marL="864000">
              <a:lnSpc>
                <a:spcPct val="90000"/>
              </a:lnSpc>
              <a:spcAft>
                <a:spcPts val="1200"/>
              </a:spcAft>
              <a:buClrTx/>
              <a:defRPr sz="1200">
                <a:solidFill>
                  <a:schemeClr val="tx2"/>
                </a:solidFill>
              </a:defRPr>
            </a:lvl7pPr>
            <a:lvl8pPr marL="864000">
              <a:lnSpc>
                <a:spcPct val="90000"/>
              </a:lnSpc>
              <a:spcAft>
                <a:spcPts val="1200"/>
              </a:spcAft>
              <a:buClrTx/>
              <a:defRPr sz="1200">
                <a:solidFill>
                  <a:schemeClr val="tx2"/>
                </a:solidFill>
              </a:defRPr>
            </a:lvl8pPr>
            <a:lvl9pPr marL="864000">
              <a:lnSpc>
                <a:spcPct val="90000"/>
              </a:lnSpc>
              <a:spcAft>
                <a:spcPts val="1200"/>
              </a:spcAft>
              <a:buClrTx/>
              <a:defRPr sz="1200">
                <a:solidFill>
                  <a:schemeClr val="tx2"/>
                </a:solidFill>
              </a:defRPr>
            </a:lvl9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ct val="0"/>
              </a:spcBef>
              <a:spcAft>
                <a:spcPts val="1200"/>
              </a:spcAft>
              <a:buNone/>
              <a:defRPr sz="1600" spc="0" baseline="0">
                <a:solidFill>
                  <a:schemeClr val="tx2"/>
                </a:solidFill>
                <a:latin typeface="+mj-lt"/>
              </a:defRPr>
            </a:lvl1pPr>
            <a:lvl2pPr marL="0" indent="0" algn="l">
              <a:lnSpc>
                <a:spcPct val="90000"/>
              </a:lnSpc>
              <a:spcBef>
                <a:spcPct val="0"/>
              </a:spcBef>
              <a:spcAft>
                <a:spcPts val="1200"/>
              </a:spcAft>
              <a:buNone/>
              <a:defRPr sz="1400" spc="0" baseline="0">
                <a:solidFill>
                  <a:schemeClr val="tx2"/>
                </a:solidFill>
              </a:defRPr>
            </a:lvl2pPr>
            <a:lvl3pPr marL="0" indent="0">
              <a:lnSpc>
                <a:spcPct val="90000"/>
              </a:lnSpc>
              <a:spcAft>
                <a:spcPts val="1200"/>
              </a:spcAft>
              <a:buFont typeface="Veidekke Favorit Offc" panose="020B0504030202060203" pitchFamily="34" charset="0"/>
              <a:buChar char="​"/>
              <a:defRPr sz="1200">
                <a:solidFill>
                  <a:schemeClr val="tx2"/>
                </a:solidFill>
              </a:defRPr>
            </a:lvl3pPr>
            <a:lvl4pPr marL="0" indent="0">
              <a:lnSpc>
                <a:spcPct val="90000"/>
              </a:lnSpc>
              <a:spcAft>
                <a:spcPts val="1200"/>
              </a:spcAft>
              <a:buFont typeface="Veidekke Favorit Offc" panose="020B0504030202060203" pitchFamily="34" charset="0"/>
              <a:buChar char="​"/>
              <a:defRPr sz="1200">
                <a:solidFill>
                  <a:schemeClr val="tx2"/>
                </a:solidFill>
              </a:defRPr>
            </a:lvl4pPr>
            <a:lvl5pPr marL="0" indent="0">
              <a:lnSpc>
                <a:spcPct val="90000"/>
              </a:lnSpc>
              <a:spcAft>
                <a:spcPts val="1200"/>
              </a:spcAft>
              <a:buFont typeface="Veidekke Favorit Offc" panose="020B0504030202060203" pitchFamily="34" charset="0"/>
              <a:buChar char="​"/>
              <a:defRPr sz="1200">
                <a:solidFill>
                  <a:schemeClr val="tx2"/>
                </a:solidFill>
              </a:defRPr>
            </a:lvl5pPr>
            <a:lvl6pPr marL="0" indent="0">
              <a:lnSpc>
                <a:spcPct val="90000"/>
              </a:lnSpc>
              <a:spcAft>
                <a:spcPts val="1200"/>
              </a:spcAft>
              <a:buFont typeface="Veidekke Favorit Offc" panose="020B0504030202060203" pitchFamily="34" charset="0"/>
              <a:buChar char="​"/>
              <a:defRPr sz="1200">
                <a:solidFill>
                  <a:schemeClr val="tx2"/>
                </a:solidFill>
              </a:defRPr>
            </a:lvl6pPr>
            <a:lvl7pPr marL="0" indent="0">
              <a:lnSpc>
                <a:spcPct val="90000"/>
              </a:lnSpc>
              <a:spcAft>
                <a:spcPts val="1200"/>
              </a:spcAft>
              <a:buFont typeface="Veidekke Favorit Offc" panose="020B0504030202060203" pitchFamily="34" charset="0"/>
              <a:buChar char="​"/>
              <a:defRPr sz="1200">
                <a:solidFill>
                  <a:schemeClr val="tx2"/>
                </a:solidFill>
              </a:defRPr>
            </a:lvl7pPr>
            <a:lvl8pPr marL="0" indent="0">
              <a:lnSpc>
                <a:spcPct val="90000"/>
              </a:lnSpc>
              <a:spcAft>
                <a:spcPts val="1200"/>
              </a:spcAft>
              <a:buFont typeface="Veidekke Favorit Offc" panose="020B0504030202060203" pitchFamily="34" charset="0"/>
              <a:buChar char="​"/>
              <a:defRPr sz="1200">
                <a:solidFill>
                  <a:schemeClr val="tx2"/>
                </a:solidFill>
              </a:defRPr>
            </a:lvl8pPr>
            <a:lvl9pPr marL="0" indent="0">
              <a:lnSpc>
                <a:spcPct val="90000"/>
              </a:lnSpc>
              <a:spcAft>
                <a:spcPts val="1200"/>
              </a:spcAft>
              <a:buFont typeface="Veidekke Favorit Offc" panose="020B0504030202060203" pitchFamily="34" charset="0"/>
              <a:buChar char="​"/>
              <a:defRPr sz="1200">
                <a:solidFill>
                  <a:schemeClr val="tx2"/>
                </a:solidFill>
              </a:defRPr>
            </a:lvl9pPr>
          </a:lstStyle>
          <a:p>
            <a:pPr lvl="0"/>
            <a:r>
              <a:rPr lang="sv-SE"/>
              <a:t>01.</a:t>
            </a:r>
          </a:p>
          <a:p>
            <a:pPr lvl="1"/>
            <a:r>
              <a:rPr lang="sv-SE"/>
              <a:t>2</a:t>
            </a:r>
          </a:p>
          <a:p>
            <a:pPr lvl="2"/>
            <a:r>
              <a:rPr lang="sv-SE"/>
              <a:t>3</a:t>
            </a:r>
          </a:p>
          <a:p>
            <a:pPr lvl="3"/>
            <a:r>
              <a:rPr lang="sv-SE"/>
              <a:t>4</a:t>
            </a:r>
          </a:p>
          <a:p>
            <a:pPr lvl="4"/>
            <a:r>
              <a:rPr lang="sv-SE"/>
              <a:t>5</a:t>
            </a:r>
          </a:p>
          <a:p>
            <a:pPr lvl="5"/>
            <a:r>
              <a:rPr lang="sv-SE"/>
              <a:t>6</a:t>
            </a:r>
          </a:p>
          <a:p>
            <a:pPr lvl="6"/>
            <a:r>
              <a:rPr lang="sv-SE"/>
              <a:t>7</a:t>
            </a:r>
          </a:p>
          <a:p>
            <a:pPr lvl="7"/>
            <a:r>
              <a:rPr lang="sv-SE"/>
              <a:t>8</a:t>
            </a:r>
          </a:p>
          <a:p>
            <a:pPr lvl="8"/>
            <a:r>
              <a:rPr lang="sv-SE"/>
              <a:t>9</a:t>
            </a:r>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sv-SE" smtClean="0"/>
              <a:t>‹#›</a:t>
            </a:fld>
            <a:endParaRPr lang="sv-SE"/>
          </a:p>
        </p:txBody>
      </p:sp>
      <p:sp>
        <p:nvSpPr>
          <p:cNvPr id="25" name="Footer dynamisk" descr="{&quot;templafy&quot;:{&quot;id&quot;:&quot;6d61c8c7-8f07-4d2d-b5db-e26706935337&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a:solidFill>
                <a:schemeClr val="tx1"/>
              </a:solidFill>
            </a:endParaRPr>
          </a:p>
        </p:txBody>
      </p:sp>
      <p:pic>
        <p:nvPicPr>
          <p:cNvPr id="3" name="Logo">
            <a:extLst>
              <a:ext uri="{FF2B5EF4-FFF2-40B4-BE49-F238E27FC236}">
                <a16:creationId xmlns:a16="http://schemas.microsoft.com/office/drawing/2014/main" id="{22BF7F33-3038-E698-242B-12BA4A0689E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spTree>
    <p:extLst>
      <p:ext uri="{BB962C8B-B14F-4D97-AF65-F5344CB8AC3E}">
        <p14:creationId xmlns:p14="http://schemas.microsoft.com/office/powerpoint/2010/main" val="3732835949"/>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tel (A)">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a:p>
        </p:txBody>
      </p:sp>
      <p:sp>
        <p:nvSpPr>
          <p:cNvPr id="14" name="Date_GeneralDate" hidden="1">
            <a:extLst>
              <a:ext uri="{FF2B5EF4-FFF2-40B4-BE49-F238E27FC236}">
                <a16:creationId xmlns:a16="http://schemas.microsoft.com/office/drawing/2014/main" id="{CB5BCAAB-6B64-4014-9266-FA789153954E}"/>
              </a:ext>
            </a:extLst>
          </p:cNvPr>
          <p:cNvSpPr txBox="1"/>
          <p:nvPr userDrawn="1"/>
        </p:nvSpPr>
        <p:spPr>
          <a:xfrm flipH="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t>24-08-26</a:t>
            </a:fld>
            <a:endParaRPr lang="sv-SE"/>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8" name="Grafik">
            <a:extLst>
              <a:ext uri="{FF2B5EF4-FFF2-40B4-BE49-F238E27FC236}">
                <a16:creationId xmlns:a16="http://schemas.microsoft.com/office/drawing/2014/main" id="{F9243FF4-D013-A9C9-FCDC-8F74064090EE}"/>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3097287"/>
            <a:ext cx="3114676" cy="3760713"/>
          </a:xfrm>
          <a:prstGeom prst="rect">
            <a:avLst/>
          </a:prstGeom>
        </p:spPr>
      </p:pic>
      <p:pic>
        <p:nvPicPr>
          <p:cNvPr id="10" name="Logo">
            <a:extLst>
              <a:ext uri="{FF2B5EF4-FFF2-40B4-BE49-F238E27FC236}">
                <a16:creationId xmlns:a16="http://schemas.microsoft.com/office/drawing/2014/main" id="{EFE2621A-C92C-3ED1-9EE1-EE18ADE49CBE}"/>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1173460" y="6383903"/>
            <a:ext cx="473474" cy="73110"/>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tx1"/>
                </a:solidFill>
                <a:latin typeface="+mn-lt"/>
              </a:defRPr>
            </a:lvl1pPr>
          </a:lstStyle>
          <a:p>
            <a:r>
              <a:rPr lang="sv-SE"/>
              <a:t>Klikk for å legge til tekst</a:t>
            </a:r>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ct val="0"/>
              </a:spcBef>
              <a:buNone/>
              <a:defRPr sz="6000" spc="-150" baseline="0">
                <a:solidFill>
                  <a:schemeClr val="tx1"/>
                </a:solidFill>
                <a:latin typeface="+mj-lt"/>
              </a:defRPr>
            </a:lvl1pPr>
            <a:lvl2pPr marL="0" indent="0" algn="l">
              <a:lnSpc>
                <a:spcPct val="83000"/>
              </a:lnSpc>
              <a:spcBef>
                <a:spcPct val="0"/>
              </a:spcBef>
              <a:buNone/>
              <a:defRPr sz="13800">
                <a:solidFill>
                  <a:schemeClr val="bg1"/>
                </a:solidFill>
              </a:defRPr>
            </a:lvl2pPr>
          </a:lstStyle>
          <a:p>
            <a:pPr lvl="0"/>
            <a:r>
              <a:rPr lang="sv-SE"/>
              <a:t>02</a:t>
            </a:r>
          </a:p>
        </p:txBody>
      </p:sp>
    </p:spTree>
    <p:extLst>
      <p:ext uri="{BB962C8B-B14F-4D97-AF65-F5344CB8AC3E}">
        <p14:creationId xmlns:p14="http://schemas.microsoft.com/office/powerpoint/2010/main" val="163909819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Kapittel (B)">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a:p>
        </p:txBody>
      </p:sp>
      <p:sp>
        <p:nvSpPr>
          <p:cNvPr id="14" name="Date_GeneralDate" hidden="1">
            <a:extLst>
              <a:ext uri="{FF2B5EF4-FFF2-40B4-BE49-F238E27FC236}">
                <a16:creationId xmlns:a16="http://schemas.microsoft.com/office/drawing/2014/main" id="{CB5BCAAB-6B64-4014-9266-FA789153954E}"/>
              </a:ext>
            </a:extLst>
          </p:cNvPr>
          <p:cNvSpPr txBox="1"/>
          <p:nvPr userDrawn="1"/>
        </p:nvSpPr>
        <p:spPr>
          <a:xfrm flipH="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t>24-08-26</a:t>
            </a:fld>
            <a:endParaRPr lang="sv-SE"/>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0" name="Grafik">
            <a:extLst>
              <a:ext uri="{FF2B5EF4-FFF2-40B4-BE49-F238E27FC236}">
                <a16:creationId xmlns:a16="http://schemas.microsoft.com/office/drawing/2014/main" id="{18124A7D-7BC0-93C4-6AB5-48D141AE40BD}"/>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3097068"/>
            <a:ext cx="3114676" cy="3760932"/>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rgbClr val="F61B33"/>
                </a:solidFill>
                <a:latin typeface="+mn-lt"/>
              </a:defRPr>
            </a:lvl1pPr>
          </a:lstStyle>
          <a:p>
            <a:r>
              <a:rPr lang="sv-SE"/>
              <a:t>Klikk for å legge til tekst</a:t>
            </a:r>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ct val="0"/>
              </a:spcBef>
              <a:buNone/>
              <a:defRPr sz="6000" spc="-150" baseline="0">
                <a:solidFill>
                  <a:srgbClr val="F61B33"/>
                </a:solidFill>
                <a:latin typeface="+mj-lt"/>
              </a:defRPr>
            </a:lvl1pPr>
            <a:lvl2pPr marL="0" indent="0" algn="l">
              <a:lnSpc>
                <a:spcPct val="83000"/>
              </a:lnSpc>
              <a:spcBef>
                <a:spcPct val="0"/>
              </a:spcBef>
              <a:buNone/>
              <a:defRPr sz="13800">
                <a:solidFill>
                  <a:schemeClr val="bg1"/>
                </a:solidFill>
              </a:defRPr>
            </a:lvl2pPr>
          </a:lstStyle>
          <a:p>
            <a:pPr lvl="0"/>
            <a:r>
              <a:rPr lang="sv-SE"/>
              <a:t>02</a:t>
            </a:r>
          </a:p>
        </p:txBody>
      </p:sp>
      <p:pic>
        <p:nvPicPr>
          <p:cNvPr id="2" name="Logo">
            <a:extLst>
              <a:ext uri="{FF2B5EF4-FFF2-40B4-BE49-F238E27FC236}">
                <a16:creationId xmlns:a16="http://schemas.microsoft.com/office/drawing/2014/main" id="{F15E4AFD-8A01-F5DC-4F78-BBD29F44E3C4}"/>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1173460" y="6383903"/>
            <a:ext cx="473474" cy="73110"/>
          </a:xfrm>
          <a:prstGeom prst="rect">
            <a:avLst/>
          </a:prstGeom>
        </p:spPr>
      </p:pic>
    </p:spTree>
    <p:extLst>
      <p:ext uri="{BB962C8B-B14F-4D97-AF65-F5344CB8AC3E}">
        <p14:creationId xmlns:p14="http://schemas.microsoft.com/office/powerpoint/2010/main" val="1582666263"/>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apittel (C)">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sv-SE"/>
          </a:p>
        </p:txBody>
      </p:sp>
      <p:sp>
        <p:nvSpPr>
          <p:cNvPr id="14" name="Date_GeneralDate" hidden="1">
            <a:extLst>
              <a:ext uri="{FF2B5EF4-FFF2-40B4-BE49-F238E27FC236}">
                <a16:creationId xmlns:a16="http://schemas.microsoft.com/office/drawing/2014/main" id="{CB5BCAAB-6B64-4014-9266-FA789153954E}"/>
              </a:ext>
            </a:extLst>
          </p:cNvPr>
          <p:cNvSpPr txBox="1"/>
          <p:nvPr userDrawn="1"/>
        </p:nvSpPr>
        <p:spPr>
          <a:xfrm flipH="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sv-SE" smtClean="0"/>
              <a:t>24-08-26</a:t>
            </a:fld>
            <a:endParaRPr lang="sv-SE"/>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flipH="1">
            <a:off x="0" y="6858000"/>
            <a:ext cx="0" cy="0"/>
          </a:xfrm>
        </p:spPr>
        <p:txBody>
          <a:bodyPr/>
          <a:lstStyle>
            <a:lvl1pPr>
              <a:defRPr sz="100">
                <a:noFill/>
              </a:defRPr>
            </a:lvl1pPr>
          </a:lstStyle>
          <a:p>
            <a:fld id="{24C8C45C-947F-4981-8B3F-4F32E973C901}" type="slidenum">
              <a:rPr lang="sv-SE" smtClean="0"/>
              <a:t>‹#›</a:t>
            </a:fld>
            <a:endParaRPr lang="sv-SE"/>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sv-SE" sz="100" noProof="0" err="1">
              <a:noFill/>
            </a:endParaRPr>
          </a:p>
        </p:txBody>
      </p:sp>
      <p:pic>
        <p:nvPicPr>
          <p:cNvPr id="11" name="Logo">
            <a:extLst>
              <a:ext uri="{FF2B5EF4-FFF2-40B4-BE49-F238E27FC236}">
                <a16:creationId xmlns:a16="http://schemas.microsoft.com/office/drawing/2014/main" id="{20F0F782-156B-A096-679E-9DF8E8CF63F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173460" y="6383903"/>
            <a:ext cx="473474" cy="73110"/>
          </a:xfrm>
          <a:prstGeom prst="rect">
            <a:avLst/>
          </a:prstGeom>
        </p:spPr>
      </p:pic>
      <p:pic>
        <p:nvPicPr>
          <p:cNvPr id="10" name="Grafik">
            <a:extLst>
              <a:ext uri="{FF2B5EF4-FFF2-40B4-BE49-F238E27FC236}">
                <a16:creationId xmlns:a16="http://schemas.microsoft.com/office/drawing/2014/main" id="{FB1C0C52-21BD-7099-C503-93C08C1B6A30}"/>
              </a:ext>
            </a:extLst>
          </p:cNvPr>
          <p:cNvPicPr>
            <a:picLocks noChangeAspect="1"/>
          </p:cNvPicPr>
          <p:nvPr userDrawn="1"/>
        </p:nvPicPr>
        <p:blipFill>
          <a:blip r:embed="rId4">
            <a:extLst>
              <a:ext uri="{28A0092B-C50C-407E-A947-70E740481C1C}">
                <a14:useLocalDpi xmlns:a14="http://schemas.microsoft.com/office/drawing/2010/main" val="0"/>
              </a:ext>
            </a:extLst>
          </a:blip>
          <a:srcRect l="18984" r="29253"/>
          <a:stretch>
            <a:fillRect/>
          </a:stretch>
        </p:blipFill>
        <p:spPr>
          <a:xfrm>
            <a:off x="0" y="3097069"/>
            <a:ext cx="3114676" cy="3760931"/>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accent2"/>
                </a:solidFill>
                <a:latin typeface="+mn-lt"/>
              </a:defRPr>
            </a:lvl1pPr>
          </a:lstStyle>
          <a:p>
            <a:r>
              <a:rPr lang="sv-SE"/>
              <a:t>Klikk for å legge til tekst</a:t>
            </a:r>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ct val="0"/>
              </a:spcBef>
              <a:buNone/>
              <a:defRPr sz="6000" spc="-150" baseline="0">
                <a:solidFill>
                  <a:schemeClr val="accent2"/>
                </a:solidFill>
                <a:latin typeface="+mj-lt"/>
              </a:defRPr>
            </a:lvl1pPr>
            <a:lvl2pPr marL="0" indent="0" algn="l">
              <a:lnSpc>
                <a:spcPct val="83000"/>
              </a:lnSpc>
              <a:spcBef>
                <a:spcPct val="0"/>
              </a:spcBef>
              <a:buNone/>
              <a:defRPr sz="13800">
                <a:solidFill>
                  <a:schemeClr val="bg1"/>
                </a:solidFill>
              </a:defRPr>
            </a:lvl2pPr>
          </a:lstStyle>
          <a:p>
            <a:pPr lvl="0"/>
            <a:r>
              <a:rPr lang="sv-SE"/>
              <a:t>02</a:t>
            </a:r>
          </a:p>
        </p:txBody>
      </p:sp>
    </p:spTree>
    <p:extLst>
      <p:ext uri="{BB962C8B-B14F-4D97-AF65-F5344CB8AC3E}">
        <p14:creationId xmlns:p14="http://schemas.microsoft.com/office/powerpoint/2010/main" val="2987724415"/>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tel og innhold">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38E193A-10C2-4482-B28B-D399F03C510E}"/>
              </a:ext>
            </a:extLst>
          </p:cNvPr>
          <p:cNvSpPr>
            <a:spLocks noGrp="1"/>
          </p:cNvSpPr>
          <p:nvPr>
            <p:ph type="dt" sz="half" idx="15"/>
          </p:nvPr>
        </p:nvSpPr>
        <p:spPr>
          <a:xfrm flipH="1">
            <a:off x="0" y="6856915"/>
            <a:ext cx="0" cy="0"/>
          </a:xfrm>
          <a:prstGeom prst="rect">
            <a:avLst/>
          </a:prstGeom>
        </p:spPr>
        <p:txBody>
          <a:bodyPr/>
          <a:lstStyle/>
          <a:p>
            <a:fld id="{61DE43AA-2E28-4A0E-BA9D-ECF639511D6D}" type="datetime3">
              <a:rPr lang="sv-SE" smtClean="0"/>
              <a:t>24-08-26</a:t>
            </a:fld>
            <a:endParaRPr lang="sv-SE"/>
          </a:p>
        </p:txBody>
      </p:sp>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sv-SE"/>
          </a:p>
        </p:txBody>
      </p:sp>
      <p:sp>
        <p:nvSpPr>
          <p:cNvPr id="2" name="Title 1">
            <a:extLst>
              <a:ext uri="{FF2B5EF4-FFF2-40B4-BE49-F238E27FC236}">
                <a16:creationId xmlns:a16="http://schemas.microsoft.com/office/drawing/2014/main" id="{7679D108-EC24-E1E5-C0C4-FE466CFE0ADB}"/>
              </a:ext>
            </a:extLst>
          </p:cNvPr>
          <p:cNvSpPr>
            <a:spLocks noGrp="1"/>
          </p:cNvSpPr>
          <p:nvPr>
            <p:ph type="title" hasCustomPrompt="1"/>
          </p:nvPr>
        </p:nvSpPr>
        <p:spPr/>
        <p:txBody>
          <a:bodyPr/>
          <a:lstStyle/>
          <a:p>
            <a:r>
              <a:rPr lang="sv-SE"/>
              <a:t>Tittel første linje</a:t>
            </a:r>
          </a:p>
        </p:txBody>
      </p:sp>
      <p:sp>
        <p:nvSpPr>
          <p:cNvPr id="7" name="Subtitle 2"/>
          <p:cNvSpPr>
            <a:spLocks noGrp="1"/>
          </p:cNvSpPr>
          <p:nvPr>
            <p:ph type="subTitle" idx="13" hasCustomPrompt="1"/>
          </p:nvPr>
        </p:nvSpPr>
        <p:spPr>
          <a:xfrm>
            <a:off x="540000" y="1119601"/>
            <a:ext cx="11113200" cy="500400"/>
          </a:xfrm>
        </p:spPr>
        <p:txBody>
          <a:bodyPr/>
          <a:lstStyle>
            <a:lvl1pPr marL="0" indent="0" algn="l">
              <a:lnSpc>
                <a:spcPct val="94000"/>
              </a:lnSpc>
              <a:spcBef>
                <a:spcPct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sv-SE"/>
              <a:t>Undertittel andre linje</a:t>
            </a:r>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540000" y="1933200"/>
            <a:ext cx="11113200" cy="4107600"/>
          </a:xfrm>
        </p:spPr>
        <p:txBody>
          <a:bodyPr/>
          <a:lstStyle>
            <a:lvl1pPr>
              <a:defRPr/>
            </a:lvl1pPr>
          </a:lstStyle>
          <a:p>
            <a:pPr lvl="0"/>
            <a:r>
              <a:rPr lang="sv-SE" noProof="0"/>
              <a:t>Klikk for å legge til tekst                                                                                                                                                        Enter &amp; TAB for å vise neste tekststil                                                                                                                       SHIFT+TAB for å vise forrige tekststil</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a:t>
            </a:r>
            <a:endParaRPr lang="sv-SE"/>
          </a:p>
          <a:p>
            <a:pPr lvl="6"/>
            <a:r>
              <a:rPr lang="sv-SE" noProof="0"/>
              <a:t>7</a:t>
            </a:r>
            <a:endParaRPr lang="sv-SE"/>
          </a:p>
          <a:p>
            <a:pPr lvl="7"/>
            <a:r>
              <a:rPr lang="sv-SE" noProof="0"/>
              <a:t>8</a:t>
            </a:r>
            <a:endParaRPr lang="sv-SE"/>
          </a:p>
          <a:p>
            <a:pPr lvl="8"/>
            <a:r>
              <a:rPr lang="sv-SE" noProof="0"/>
              <a:t>9</a:t>
            </a:r>
            <a:endParaRPr lang="sv-SE"/>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sv-SE" smtClean="0"/>
              <a:t>‹#›</a:t>
            </a:fld>
            <a:endParaRPr lang="sv-SE"/>
          </a:p>
        </p:txBody>
      </p:sp>
    </p:spTree>
    <p:extLst>
      <p:ext uri="{BB962C8B-B14F-4D97-AF65-F5344CB8AC3E}">
        <p14:creationId xmlns:p14="http://schemas.microsoft.com/office/powerpoint/2010/main" val="2369087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2.svg"/><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Date_GeneralDate" hidden="1"/>
          <p:cNvSpPr>
            <a:spLocks noGrp="1"/>
          </p:cNvSpPr>
          <p:nvPr>
            <p:ph type="dt" sz="half" idx="2"/>
          </p:nvPr>
        </p:nvSpPr>
        <p:spPr>
          <a:xfrm flipH="1">
            <a:off x="0" y="6856915"/>
            <a:ext cx="0" cy="0"/>
          </a:xfrm>
          <a:prstGeom prst="rect">
            <a:avLst/>
          </a:prstGeom>
        </p:spPr>
        <p:txBody>
          <a:bodyPr vert="horz" lIns="0" tIns="0" rIns="0" bIns="0" rtlCol="0" anchor="b" anchorCtr="0"/>
          <a:lstStyle>
            <a:lvl1pPr algn="l">
              <a:defRPr sz="800" b="1" spc="-30" baseline="0">
                <a:noFill/>
                <a:latin typeface="+mj-lt"/>
              </a:defRPr>
            </a:lvl1pPr>
          </a:lstStyle>
          <a:p>
            <a:fld id="{6261E5BE-5806-451A-BC2F-22189CD3E430}" type="datetime3">
              <a:rPr lang="sv-SE" smtClean="0"/>
              <a:t>24-08-26</a:t>
            </a:fld>
            <a:endParaRPr lang="sv-SE"/>
          </a:p>
        </p:txBody>
      </p:sp>
      <p:sp>
        <p:nvSpPr>
          <p:cNvPr id="5" name="FLD_PresentationTitle" hidden="1"/>
          <p:cNvSpPr>
            <a:spLocks noGrp="1"/>
          </p:cNvSpPr>
          <p:nvPr>
            <p:ph type="ftr" sz="quarter" idx="3"/>
          </p:nvPr>
        </p:nvSpPr>
        <p:spPr>
          <a:xfrm flipH="1">
            <a:off x="0" y="6856915"/>
            <a:ext cx="0" cy="0"/>
          </a:xfrm>
          <a:prstGeom prst="rect">
            <a:avLst/>
          </a:prstGeom>
        </p:spPr>
        <p:txBody>
          <a:bodyPr vert="horz" lIns="0" tIns="0" rIns="0" bIns="0" rtlCol="0" anchor="b" anchorCtr="0"/>
          <a:lstStyle>
            <a:lvl1pPr algn="l">
              <a:defRPr sz="800" b="1" spc="-30" baseline="0">
                <a:noFill/>
                <a:latin typeface="+mj-lt"/>
              </a:defRPr>
            </a:lvl1pPr>
          </a:lstStyle>
          <a:p>
            <a:endParaRPr lang="sv-SE"/>
          </a:p>
        </p:txBody>
      </p:sp>
      <p:pic>
        <p:nvPicPr>
          <p:cNvPr id="10" name="Logo">
            <a:extLst>
              <a:ext uri="{FF2B5EF4-FFF2-40B4-BE49-F238E27FC236}">
                <a16:creationId xmlns:a16="http://schemas.microsoft.com/office/drawing/2014/main" id="{D105DC15-AFD4-0973-8A93-F7A5B07C9AB1}"/>
              </a:ext>
            </a:extLst>
          </p:cNvPr>
          <p:cNvPicPr>
            <a:picLocks noChangeAspect="1"/>
          </p:cNvPicPr>
          <p:nvPr userDrawn="1"/>
        </p:nvPicPr>
        <p: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blipFill>
        <p:spPr>
          <a:xfrm>
            <a:off x="11173460" y="6383903"/>
            <a:ext cx="473474" cy="73110"/>
          </a:xfrm>
          <a:prstGeom prst="rect">
            <a:avLst/>
          </a:prstGeom>
        </p:spPr>
      </p:pic>
      <p:sp>
        <p:nvSpPr>
          <p:cNvPr id="8" name="Title Placeholder 7">
            <a:extLst>
              <a:ext uri="{FF2B5EF4-FFF2-40B4-BE49-F238E27FC236}">
                <a16:creationId xmlns:a16="http://schemas.microsoft.com/office/drawing/2014/main" id="{929BDF0D-EABA-4F66-B534-62E4BDC6070F}"/>
              </a:ext>
            </a:extLst>
          </p:cNvPr>
          <p:cNvSpPr>
            <a:spLocks noGrp="1"/>
          </p:cNvSpPr>
          <p:nvPr>
            <p:ph type="title"/>
          </p:nvPr>
        </p:nvSpPr>
        <p:spPr>
          <a:xfrm>
            <a:off x="539999" y="554400"/>
            <a:ext cx="11113200" cy="1065600"/>
          </a:xfrm>
          <a:prstGeom prst="rect">
            <a:avLst/>
          </a:prstGeom>
        </p:spPr>
        <p:txBody>
          <a:bodyPr vert="horz" lIns="0" tIns="0" rIns="0" bIns="0" rtlCol="0" anchor="t" anchorCtr="0">
            <a:noAutofit/>
          </a:bodyPr>
          <a:lstStyle/>
          <a:p>
            <a:r>
              <a:rPr lang="sv-SE"/>
              <a:t>Click to edit Master title style</a:t>
            </a:r>
          </a:p>
        </p:txBody>
      </p:sp>
      <p:sp>
        <p:nvSpPr>
          <p:cNvPr id="3" name="Text Placeholder 2"/>
          <p:cNvSpPr>
            <a:spLocks noGrp="1"/>
          </p:cNvSpPr>
          <p:nvPr>
            <p:ph type="body" idx="1"/>
          </p:nvPr>
        </p:nvSpPr>
        <p:spPr>
          <a:xfrm>
            <a:off x="539999" y="1933200"/>
            <a:ext cx="11113200" cy="4107600"/>
          </a:xfrm>
          <a:prstGeom prst="rect">
            <a:avLst/>
          </a:prstGeom>
        </p:spPr>
        <p:txBody>
          <a:bodyPr vert="horz" lIns="0" tIns="0" rIns="0" bIns="0" rtlCol="0">
            <a:noAutofit/>
          </a:bodyPr>
          <a:lstStyle/>
          <a:p>
            <a:pPr lvl="0"/>
            <a:r>
              <a:rPr lang="sv-SE" noProof="0"/>
              <a:t>Click to add text                                                                                                                                                                    Enter &amp; TAB to view next text style                                                                                                              SHIFT+TAB to view previous text style</a:t>
            </a:r>
            <a:endParaRPr lang="sv-SE"/>
          </a:p>
          <a:p>
            <a:pPr lvl="1"/>
            <a:r>
              <a:rPr lang="sv-SE" noProof="0"/>
              <a:t>Second level</a:t>
            </a:r>
            <a:endParaRPr lang="sv-SE"/>
          </a:p>
          <a:p>
            <a:pPr lvl="2"/>
            <a:r>
              <a:rPr lang="sv-SE" noProof="0"/>
              <a:t>Third level</a:t>
            </a:r>
            <a:endParaRPr lang="sv-SE"/>
          </a:p>
          <a:p>
            <a:pPr lvl="3"/>
            <a:r>
              <a:rPr lang="sv-SE" noProof="0"/>
              <a:t>Fourth level</a:t>
            </a:r>
            <a:endParaRPr lang="sv-SE"/>
          </a:p>
          <a:p>
            <a:pPr lvl="4"/>
            <a:r>
              <a:rPr lang="sv-SE" noProof="0"/>
              <a:t>Fifth level</a:t>
            </a:r>
            <a:endParaRPr lang="sv-SE"/>
          </a:p>
          <a:p>
            <a:pPr lvl="5"/>
            <a:r>
              <a:rPr lang="sv-SE" noProof="0"/>
              <a:t>6 level</a:t>
            </a:r>
            <a:endParaRPr lang="sv-SE"/>
          </a:p>
          <a:p>
            <a:pPr lvl="6"/>
            <a:r>
              <a:rPr lang="sv-SE" noProof="0"/>
              <a:t>7 level</a:t>
            </a:r>
            <a:endParaRPr lang="sv-SE"/>
          </a:p>
          <a:p>
            <a:pPr lvl="7"/>
            <a:r>
              <a:rPr lang="sv-SE" noProof="0"/>
              <a:t>8 level</a:t>
            </a:r>
            <a:endParaRPr lang="sv-SE"/>
          </a:p>
          <a:p>
            <a:pPr lvl="8"/>
            <a:r>
              <a:rPr lang="sv-SE" noProof="0"/>
              <a:t>9 level</a:t>
            </a:r>
            <a:endParaRPr lang="sv-SE"/>
          </a:p>
        </p:txBody>
      </p:sp>
      <p:sp>
        <p:nvSpPr>
          <p:cNvPr id="6" name="Slide Number Placeholder 5"/>
          <p:cNvSpPr>
            <a:spLocks noGrp="1"/>
          </p:cNvSpPr>
          <p:nvPr>
            <p:ph type="sldNum" sz="quarter" idx="4"/>
          </p:nvPr>
        </p:nvSpPr>
        <p:spPr>
          <a:xfrm>
            <a:off x="540000" y="6307200"/>
            <a:ext cx="252000" cy="180000"/>
          </a:xfrm>
          <a:prstGeom prst="rect">
            <a:avLst/>
          </a:prstGeom>
        </p:spPr>
        <p:txBody>
          <a:bodyPr vert="horz" lIns="0" tIns="0" rIns="0" bIns="0" rtlCol="0" anchor="b" anchorCtr="0"/>
          <a:lstStyle>
            <a:lvl1pPr algn="l">
              <a:defRPr sz="800" b="1" spc="0" baseline="0">
                <a:solidFill>
                  <a:schemeClr val="tx2"/>
                </a:solidFill>
                <a:latin typeface="+mj-lt"/>
              </a:defRPr>
            </a:lvl1pPr>
          </a:lstStyle>
          <a:p>
            <a:fld id="{24C8C45C-947F-4981-8B3F-4F32E973C901}" type="slidenum">
              <a:rPr lang="sv-SE" smtClean="0"/>
              <a:t>‹#›</a:t>
            </a:fld>
            <a:endParaRPr lang="sv-SE"/>
          </a:p>
        </p:txBody>
      </p:sp>
      <p:sp>
        <p:nvSpPr>
          <p:cNvPr id="7" name="Footer dynamisk" descr="{&quot;templafy&quot;:{&quot;id&quot;:&quot;e6542782-f7eb-4a87-aef8-64f256666663&quot;}}" title="Footer">
            <a:extLst>
              <a:ext uri="{FF2B5EF4-FFF2-40B4-BE49-F238E27FC236}">
                <a16:creationId xmlns:a16="http://schemas.microsoft.com/office/drawing/2014/main" id="{71B1904D-7DDB-4409-BC8D-BA70CAF190AF}"/>
              </a:ext>
            </a:extLst>
          </p:cNvPr>
          <p:cNvSpPr/>
          <p:nvPr userDrawn="1"/>
        </p:nvSpPr>
        <p:spPr>
          <a:xfrm>
            <a:off x="795600" y="6307200"/>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sv-SE" sz="800" b="1" noProof="0" err="1">
              <a:solidFill>
                <a:schemeClr val="tx1"/>
              </a:solidFill>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78" r:id="rId1"/>
    <p:sldLayoutId id="2147483814" r:id="rId2"/>
    <p:sldLayoutId id="2147483877" r:id="rId3"/>
    <p:sldLayoutId id="2147483740" r:id="rId4"/>
    <p:sldLayoutId id="2147483879" r:id="rId5"/>
    <p:sldLayoutId id="2147483777" r:id="rId6"/>
    <p:sldLayoutId id="2147483865" r:id="rId7"/>
    <p:sldLayoutId id="2147483866" r:id="rId8"/>
    <p:sldLayoutId id="2147483692" r:id="rId9"/>
    <p:sldLayoutId id="2147483782" r:id="rId10"/>
    <p:sldLayoutId id="2147483787" r:id="rId11"/>
    <p:sldLayoutId id="2147483829" r:id="rId12"/>
    <p:sldLayoutId id="2147483859" r:id="rId13"/>
    <p:sldLayoutId id="2147483861" r:id="rId14"/>
    <p:sldLayoutId id="2147483826" r:id="rId15"/>
    <p:sldLayoutId id="2147483828" r:id="rId16"/>
    <p:sldLayoutId id="2147483831" r:id="rId17"/>
    <p:sldLayoutId id="2147483833" r:id="rId18"/>
    <p:sldLayoutId id="2147483851" r:id="rId19"/>
    <p:sldLayoutId id="2147483752" r:id="rId20"/>
    <p:sldLayoutId id="2147483786" r:id="rId21"/>
    <p:sldLayoutId id="2147483794" r:id="rId22"/>
    <p:sldLayoutId id="2147483796" r:id="rId23"/>
    <p:sldLayoutId id="2147483836" r:id="rId24"/>
    <p:sldLayoutId id="2147483843" r:id="rId25"/>
    <p:sldLayoutId id="2147483840" r:id="rId26"/>
    <p:sldLayoutId id="2147483841" r:id="rId27"/>
    <p:sldLayoutId id="2147483855" r:id="rId28"/>
    <p:sldLayoutId id="2147483842" r:id="rId29"/>
    <p:sldLayoutId id="2147483839" r:id="rId30"/>
    <p:sldLayoutId id="2147483837" r:id="rId31"/>
    <p:sldLayoutId id="2147483844" r:id="rId32"/>
    <p:sldLayoutId id="2147483847" r:id="rId33"/>
    <p:sldLayoutId id="2147483848" r:id="rId34"/>
    <p:sldLayoutId id="2147483857" r:id="rId35"/>
    <p:sldLayoutId id="2147483853" r:id="rId36"/>
    <p:sldLayoutId id="2147483819" r:id="rId37"/>
    <p:sldLayoutId id="2147483820" r:id="rId38"/>
    <p:sldLayoutId id="2147483854" r:id="rId39"/>
    <p:sldLayoutId id="2147483868" r:id="rId40"/>
    <p:sldLayoutId id="2147483867" r:id="rId41"/>
    <p:sldLayoutId id="2147483815" r:id="rId42"/>
    <p:sldLayoutId id="2147483797" r:id="rId43"/>
    <p:sldLayoutId id="2147483850" r:id="rId44"/>
    <p:sldLayoutId id="2147483869" r:id="rId45"/>
  </p:sldLayoutIdLst>
  <mc:AlternateContent xmlns:mc="http://schemas.openxmlformats.org/markup-compatibility/2006" xmlns:p159="http://schemas.microsoft.com/office/powerpoint/2015/09/main">
    <mc:Choice Requires="p159">
      <p:transition spd="slow">
        <p159:morph option="byObject"/>
      </p:transition>
    </mc:Choice>
    <mc:Fallback xmlns:p15="http://schemas.microsoft.com/office/powerpoint/2012/main" xmlns:p14="http://schemas.microsoft.com/office/powerpoint/2010/main" xmlns:a14="http://schemas.microsoft.com/office/drawing/2010/main" xmlns:wp="http://schemas.openxmlformats.org/drawingml/2006/wordprocessingDrawing" xmlns:w="http://schemas.openxmlformats.org/wordprocessingml/2006/main" xmlns:m="http://schemas.openxmlformats.org/officeDocument/2006/math" xmlns="">
      <p:transition spd="slow">
        <p:fade/>
      </p:transition>
    </mc:Fallback>
  </mc:AlternateContent>
  <p:hf hdr="0" ftr="0" dt="0"/>
  <p:txStyles>
    <p:titleStyle>
      <a:lvl1pPr algn="l" defTabSz="914400" rtl="0" eaLnBrk="1" latinLnBrk="0" hangingPunct="1">
        <a:lnSpc>
          <a:spcPct val="94000"/>
        </a:lnSpc>
        <a:spcBef>
          <a:spcPct val="0"/>
        </a:spcBef>
        <a:buNone/>
        <a:defRPr sz="3600" b="1" kern="1200" spc="0" baseline="0">
          <a:solidFill>
            <a:schemeClr val="accent2"/>
          </a:solidFill>
          <a:latin typeface="+mj-lt"/>
          <a:ea typeface="+mj-ea"/>
          <a:cs typeface="+mj-cs"/>
        </a:defRPr>
      </a:lvl1pPr>
    </p:titleStyle>
    <p:bodyStyle>
      <a:lvl1pPr marL="216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7339" userDrawn="1">
          <p15:clr>
            <a:srgbClr val="F26B43"/>
          </p15:clr>
        </p15:guide>
        <p15:guide id="4" orient="horz" pos="3804" userDrawn="1">
          <p15:clr>
            <a:srgbClr val="F26B43"/>
          </p15:clr>
        </p15:guide>
        <p15:guide id="5" pos="767" userDrawn="1">
          <p15:clr>
            <a:srgbClr val="A4A3A4"/>
          </p15:clr>
        </p15:guide>
        <p15:guide id="6" pos="937" userDrawn="1">
          <p15:clr>
            <a:srgbClr val="A4A3A4"/>
          </p15:clr>
        </p15:guide>
        <p15:guide id="7" pos="1365" userDrawn="1">
          <p15:clr>
            <a:srgbClr val="A4A3A4"/>
          </p15:clr>
        </p15:guide>
        <p15:guide id="8" pos="1535" userDrawn="1">
          <p15:clr>
            <a:srgbClr val="A4A3A4"/>
          </p15:clr>
        </p15:guide>
        <p15:guide id="9" pos="1962" userDrawn="1">
          <p15:clr>
            <a:srgbClr val="A4A3A4"/>
          </p15:clr>
        </p15:guide>
        <p15:guide id="10" pos="2132" userDrawn="1">
          <p15:clr>
            <a:srgbClr val="A4A3A4"/>
          </p15:clr>
        </p15:guide>
        <p15:guide id="11" pos="2560" userDrawn="1">
          <p15:clr>
            <a:srgbClr val="A4A3A4"/>
          </p15:clr>
        </p15:guide>
        <p15:guide id="12" pos="2730" userDrawn="1">
          <p15:clr>
            <a:srgbClr val="A4A3A4"/>
          </p15:clr>
        </p15:guide>
        <p15:guide id="13" pos="3157" userDrawn="1">
          <p15:clr>
            <a:srgbClr val="A4A3A4"/>
          </p15:clr>
        </p15:guide>
        <p15:guide id="14" pos="3327" userDrawn="1">
          <p15:clr>
            <a:srgbClr val="A4A3A4"/>
          </p15:clr>
        </p15:guide>
        <p15:guide id="15" pos="3754" userDrawn="1">
          <p15:clr>
            <a:srgbClr val="A4A3A4"/>
          </p15:clr>
        </p15:guide>
        <p15:guide id="16" pos="3925" userDrawn="1">
          <p15:clr>
            <a:srgbClr val="A4A3A4"/>
          </p15:clr>
        </p15:guide>
        <p15:guide id="17" pos="4352" userDrawn="1">
          <p15:clr>
            <a:srgbClr val="A4A3A4"/>
          </p15:clr>
        </p15:guide>
        <p15:guide id="18" pos="4522" userDrawn="1">
          <p15:clr>
            <a:srgbClr val="A4A3A4"/>
          </p15:clr>
        </p15:guide>
        <p15:guide id="19" pos="4949" userDrawn="1">
          <p15:clr>
            <a:srgbClr val="A4A3A4"/>
          </p15:clr>
        </p15:guide>
        <p15:guide id="20" pos="5120" userDrawn="1">
          <p15:clr>
            <a:srgbClr val="A4A3A4"/>
          </p15:clr>
        </p15:guide>
        <p15:guide id="21" pos="5547" userDrawn="1">
          <p15:clr>
            <a:srgbClr val="A4A3A4"/>
          </p15:clr>
        </p15:guide>
        <p15:guide id="22" pos="5717" userDrawn="1">
          <p15:clr>
            <a:srgbClr val="A4A3A4"/>
          </p15:clr>
        </p15:guide>
        <p15:guide id="23" pos="6144" userDrawn="1">
          <p15:clr>
            <a:srgbClr val="A4A3A4"/>
          </p15:clr>
        </p15:guide>
        <p15:guide id="24" pos="6314" userDrawn="1">
          <p15:clr>
            <a:srgbClr val="A4A3A4"/>
          </p15:clr>
        </p15:guide>
        <p15:guide id="25" pos="6742" userDrawn="1">
          <p15:clr>
            <a:srgbClr val="A4A3A4"/>
          </p15:clr>
        </p15:guide>
        <p15:guide id="26" pos="6912" userDrawn="1">
          <p15:clr>
            <a:srgbClr val="A4A3A4"/>
          </p15:clr>
        </p15:guide>
        <p15:guide id="27" orient="horz" pos="1216" userDrawn="1">
          <p15:clr>
            <a:srgbClr val="F26B43"/>
          </p15:clr>
        </p15:guide>
        <p15:guide id="28" pos="340" userDrawn="1">
          <p15:clr>
            <a:srgbClr val="F26B43"/>
          </p15:clr>
        </p15:guide>
        <p15:guide id="29" orient="horz" pos="34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14.xml"/><Relationship Id="rId1" Type="http://schemas.openxmlformats.org/officeDocument/2006/relationships/customXml" Target="../../customXml/item13.xml"/><Relationship Id="rId5" Type="http://schemas.openxmlformats.org/officeDocument/2006/relationships/image" Target="../media/image23.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tags" Target="../tags/tag6.xml"/><Relationship Id="rId2" Type="http://schemas.openxmlformats.org/officeDocument/2006/relationships/customXml" Target="../../customXml/item20.xml"/><Relationship Id="rId1" Type="http://schemas.openxmlformats.org/officeDocument/2006/relationships/customXml" Target="../../customXml/item19.xml"/><Relationship Id="rId5" Type="http://schemas.openxmlformats.org/officeDocument/2006/relationships/image" Target="../media/image28.jpeg"/><Relationship Id="rId4" Type="http://schemas.openxmlformats.org/officeDocument/2006/relationships/slideLayout" Target="../slideLayouts/slideLayout9.xml"/></Relationships>
</file>

<file path=ppt/slides/_rels/slide11.xml.rels><?xml version="1.0" encoding="UTF-8" standalone="yes"?>
<Relationships xmlns="http://schemas.openxmlformats.org/package/2006/relationships"><Relationship Id="rId3" Type="http://schemas.openxmlformats.org/officeDocument/2006/relationships/tags" Target="../tags/tag7.xml"/><Relationship Id="rId2" Type="http://schemas.openxmlformats.org/officeDocument/2006/relationships/customXml" Target="../../customXml/item22.xml"/><Relationship Id="rId1" Type="http://schemas.openxmlformats.org/officeDocument/2006/relationships/customXml" Target="../../customXml/item21.xml"/><Relationship Id="rId5" Type="http://schemas.openxmlformats.org/officeDocument/2006/relationships/image" Target="../media/image29.jpeg"/><Relationship Id="rId4" Type="http://schemas.openxmlformats.org/officeDocument/2006/relationships/slideLayout" Target="../slideLayouts/slideLayout9.xml"/></Relationships>
</file>

<file path=ppt/slides/_rels/slide12.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24.xml"/><Relationship Id="rId1" Type="http://schemas.openxmlformats.org/officeDocument/2006/relationships/customXml" Target="../../customXml/item23.xml"/><Relationship Id="rId5" Type="http://schemas.openxmlformats.org/officeDocument/2006/relationships/image" Target="../media/image30.jpeg"/><Relationship Id="rId4" Type="http://schemas.openxmlformats.org/officeDocument/2006/relationships/slideLayout" Target="../slideLayouts/slideLayout9.xml"/></Relationships>
</file>

<file path=ppt/slides/_rels/slide13.xml.rels><?xml version="1.0" encoding="UTF-8" standalone="yes"?>
<Relationships xmlns="http://schemas.openxmlformats.org/package/2006/relationships"><Relationship Id="rId3" Type="http://schemas.openxmlformats.org/officeDocument/2006/relationships/tags" Target="../tags/tag9.xml"/><Relationship Id="rId2" Type="http://schemas.openxmlformats.org/officeDocument/2006/relationships/customXml" Target="../../customXml/item26.xml"/><Relationship Id="rId1" Type="http://schemas.openxmlformats.org/officeDocument/2006/relationships/customXml" Target="../../customXml/item25.xml"/><Relationship Id="rId6" Type="http://schemas.openxmlformats.org/officeDocument/2006/relationships/image" Target="../media/image31.jpeg"/><Relationship Id="rId5" Type="http://schemas.openxmlformats.org/officeDocument/2006/relationships/slideLayout" Target="../slideLayouts/slideLayout9.xml"/><Relationship Id="rId4" Type="http://schemas.openxmlformats.org/officeDocument/2006/relationships/tags" Target="../tags/tag10.xml"/></Relationships>
</file>

<file path=ppt/slides/_rels/slide14.xml.rels><?xml version="1.0" encoding="UTF-8" standalone="yes"?>
<Relationships xmlns="http://schemas.openxmlformats.org/package/2006/relationships"><Relationship Id="rId2" Type="http://schemas.openxmlformats.org/officeDocument/2006/relationships/image" Target="../media/image32.png"/><Relationship Id="rId1" Type="http://schemas.openxmlformats.org/officeDocument/2006/relationships/slideLayout" Target="../slideLayouts/slideLayout9.xml"/></Relationships>
</file>

<file path=ppt/slides/_rels/slide15.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customXml" Target="../../customXml/item28.xml"/><Relationship Id="rId1" Type="http://schemas.openxmlformats.org/officeDocument/2006/relationships/customXml" Target="../../customXml/item27.xml"/><Relationship Id="rId4"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9.xml"/></Relationships>
</file>

<file path=ppt/slides/_rels/slide5.xml.rels><?xml version="1.0" encoding="UTF-8" standalone="yes"?>
<Relationships xmlns="http://schemas.openxmlformats.org/package/2006/relationships"><Relationship Id="rId2" Type="http://schemas.openxmlformats.org/officeDocument/2006/relationships/hyperlink" Target="https://players.brightcove.net/3723496235001/default_default/index.html?videoId=6360405973112" TargetMode="External"/><Relationship Id="rId1" Type="http://schemas.openxmlformats.org/officeDocument/2006/relationships/slideLayout" Target="../slideLayouts/slideLayout36.xml"/></Relationships>
</file>

<file path=ppt/slides/_rels/slide6.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6.xml"/><Relationship Id="rId1" Type="http://schemas.openxmlformats.org/officeDocument/2006/relationships/customXml" Target="../../customXml/item15.xml"/><Relationship Id="rId6" Type="http://schemas.openxmlformats.org/officeDocument/2006/relationships/image" Target="../media/image25.jpeg"/><Relationship Id="rId5" Type="http://schemas.openxmlformats.org/officeDocument/2006/relationships/slideLayout" Target="../slideLayouts/slideLayout12.xml"/><Relationship Id="rId4" Type="http://schemas.openxmlformats.org/officeDocument/2006/relationships/tags" Target="../tags/tag4.xml"/></Relationships>
</file>

<file path=ppt/slides/_rels/slide7.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18.xml"/><Relationship Id="rId1" Type="http://schemas.openxmlformats.org/officeDocument/2006/relationships/customXml" Target="../../customXml/item17.xml"/><Relationship Id="rId5" Type="http://schemas.openxmlformats.org/officeDocument/2006/relationships/image" Target="../media/image26.jpeg"/><Relationship Id="rId4" Type="http://schemas.openxmlformats.org/officeDocument/2006/relationships/slideLayout" Target="../slideLayouts/slideLayout12.xml"/></Relationships>
</file>

<file path=ppt/slides/_rels/slide8.xml.rels><?xml version="1.0" encoding="UTF-8" standalone="yes"?>
<Relationships xmlns="http://schemas.openxmlformats.org/package/2006/relationships"><Relationship Id="rId2" Type="http://schemas.openxmlformats.org/officeDocument/2006/relationships/image" Target="../media/image27.jpeg"/><Relationship Id="rId1" Type="http://schemas.openxmlformats.org/officeDocument/2006/relationships/slideLayout" Target="../slideLayouts/slideLayout12.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4F396BA-97D6-4FB1-9B6A-5CED34270049}"/>
              </a:ext>
            </a:extLst>
          </p:cNvPr>
          <p:cNvSpPr>
            <a:spLocks noGrp="1"/>
          </p:cNvSpPr>
          <p:nvPr>
            <p:ph type="sldNum" sz="quarter" idx="22"/>
          </p:nvPr>
        </p:nvSpPr>
        <p:spPr/>
        <p:txBody>
          <a:bodyPr/>
          <a:lstStyle/>
          <a:p>
            <a:fld id="{24C8C45C-947F-4981-8B3F-4F32E973C901}" type="slidenum">
              <a:rPr lang="sv-SE" smtClean="0"/>
              <a:t>1</a:t>
            </a:fld>
            <a:endParaRPr lang="sv-SE"/>
          </a:p>
        </p:txBody>
      </p:sp>
      <p:pic>
        <p:nvPicPr>
          <p:cNvPr id="8" name="Platshållare för bild 7" descr="En bild som visar utomhus, himmel, klädsel, person&#10;&#10;Automatiskt genererad beskrivning">
            <a:extLst>
              <a:ext uri="{FF2B5EF4-FFF2-40B4-BE49-F238E27FC236}">
                <a16:creationId xmlns:a16="http://schemas.microsoft.com/office/drawing/2014/main" id="{05790057-0836-E9CC-E30D-0AA6BB3BBBDE}"/>
              </a:ext>
            </a:extLst>
          </p:cNvPr>
          <p:cNvPicPr>
            <a:picLocks noGrp="1" noChangeAspect="1"/>
          </p:cNvPicPr>
          <p:nvPr>
            <p:ph type="pic" sz="quarter" idx="14"/>
          </p:nvPr>
        </p:nvPicPr>
        <p:blipFill>
          <a:blip r:embed="rId5">
            <a:extLst>
              <a:ext uri="{28A0092B-C50C-407E-A947-70E740481C1C}">
                <a14:useLocalDpi xmlns:a14="http://schemas.microsoft.com/office/drawing/2010/main" val="0"/>
              </a:ext>
            </a:extLst>
          </a:blip>
          <a:stretch>
            <a:fillRect/>
          </a:stretch>
        </p:blipFill>
        <p:spPr/>
      </p:pic>
      <p:sp>
        <p:nvSpPr>
          <p:cNvPr id="2" name="Title 1">
            <a:extLst>
              <a:ext uri="{FF2B5EF4-FFF2-40B4-BE49-F238E27FC236}">
                <a16:creationId xmlns:a16="http://schemas.microsoft.com/office/drawing/2014/main" id="{BE4D79CC-C185-C5C2-4798-5476A7E9A75E}"/>
              </a:ext>
            </a:extLst>
          </p:cNvPr>
          <p:cNvSpPr>
            <a:spLocks noGrp="1"/>
          </p:cNvSpPr>
          <p:nvPr>
            <p:ph type="title"/>
          </p:nvPr>
        </p:nvSpPr>
        <p:spPr/>
        <p:txBody>
          <a:bodyPr/>
          <a:lstStyle/>
          <a:p>
            <a:r>
              <a:rPr lang="en-GB" sz="2400" b="0" i="0" u="none" strike="noStrike" cap="none" baseline="0" dirty="0" err="1">
                <a:solidFill>
                  <a:srgbClr val="FFFFFF"/>
                </a:solidFill>
                <a:effectLst/>
                <a:uFill>
                  <a:solidFill>
                    <a:prstClr val="black">
                      <a:alpha val="0"/>
                    </a:prstClr>
                  </a:solidFill>
                </a:uFill>
                <a:latin typeface="Veidekke Favorit Offc"/>
                <a:ea typeface="Veidekke Favorit Offc"/>
                <a:cs typeface="Veidekke Favorit Offc"/>
              </a:rPr>
              <a:t>Veidekke’s</a:t>
            </a:r>
            <a:r>
              <a:rPr lang="en-GB" sz="24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 OHS week 2024:</a:t>
            </a:r>
            <a:br>
              <a:rPr sz="2400" dirty="0"/>
            </a:br>
            <a:br>
              <a:rPr sz="2400" dirty="0"/>
            </a:br>
            <a:r>
              <a:rPr lang="en-GB" sz="60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Safe production</a:t>
            </a:r>
            <a:br>
              <a:rPr sz="2400" dirty="0"/>
            </a:br>
            <a:br>
              <a:rPr sz="2400" dirty="0"/>
            </a:br>
            <a:r>
              <a:rPr lang="en-GB" sz="20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Project and production</a:t>
            </a:r>
            <a:endParaRPr lang="sv-SE" dirty="0"/>
          </a:p>
        </p:txBody>
      </p:sp>
      <p:sp>
        <p:nvSpPr>
          <p:cNvPr id="6" name="Text Placeholder 5">
            <a:extLst>
              <a:ext uri="{FF2B5EF4-FFF2-40B4-BE49-F238E27FC236}">
                <a16:creationId xmlns:a16="http://schemas.microsoft.com/office/drawing/2014/main" id="{0BF8C41E-2587-655E-D276-0CEB39372D33}"/>
              </a:ext>
            </a:extLst>
          </p:cNvPr>
          <p:cNvSpPr>
            <a:spLocks noGrp="1"/>
          </p:cNvSpPr>
          <p:nvPr>
            <p:ph type="body" sz="quarter" idx="25"/>
          </p:nvPr>
        </p:nvSpPr>
        <p:spPr/>
        <p:txBody>
          <a:bodyPr/>
          <a:lstStyle/>
          <a:p>
            <a:endParaRPr lang="sv-SE"/>
          </a:p>
        </p:txBody>
      </p:sp>
      <p:sp>
        <p:nvSpPr>
          <p:cNvPr id="5" name="Text Placeholder 4">
            <a:extLst>
              <a:ext uri="{FF2B5EF4-FFF2-40B4-BE49-F238E27FC236}">
                <a16:creationId xmlns:a16="http://schemas.microsoft.com/office/drawing/2014/main" id="{A9E9353F-C697-4AD9-723E-3811CCC770EA}"/>
              </a:ext>
            </a:extLst>
          </p:cNvPr>
          <p:cNvSpPr>
            <a:spLocks noGrp="1"/>
          </p:cNvSpPr>
          <p:nvPr>
            <p:ph type="body" sz="quarter" idx="19"/>
          </p:nvPr>
        </p:nvSpPr>
        <p:spPr/>
        <p:txBody>
          <a:bodyPr/>
          <a:lstStyle/>
          <a:p>
            <a:endParaRPr lang="sv-SE"/>
          </a:p>
        </p:txBody>
      </p:sp>
    </p:spTree>
    <p:custDataLst>
      <p:custData r:id="rId1"/>
      <p:custData r:id="rId2"/>
      <p:tags r:id="rId3"/>
    </p:custDataLst>
    <p:extLst>
      <p:ext uri="{BB962C8B-B14F-4D97-AF65-F5344CB8AC3E}">
        <p14:creationId xmlns:p14="http://schemas.microsoft.com/office/powerpoint/2010/main" val="418092280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en-GB" sz="34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Task 1</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5195782" cy="4107600"/>
          </a:xfrm>
        </p:spPr>
        <p:txBody>
          <a:bodyPr>
            <a:normAutofit/>
          </a:bodyPr>
          <a:lstStyle/>
          <a:p>
            <a:pPr marL="0" indent="0">
              <a:buNone/>
            </a:pPr>
            <a:r>
              <a:rPr lang="en-GB" sz="20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Reflect on the climate for speaking freely in the workplace</a:t>
            </a:r>
          </a:p>
          <a:p>
            <a:pPr marL="0" indent="0">
              <a:buNone/>
            </a:pPr>
            <a:endParaRPr lang="nb-NO" sz="1400"/>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ow do you get everyone involved in planning the work to be done? How does everyone have the opportunity to contribute?</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How easy is it to ask questions or raise problems with the people you work with?</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o you have a group agreement? Does it work the way you intended? How do you feel it is being followed?</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0</a:t>
            </a:fld>
            <a:endParaRPr lang="sv-SE"/>
          </a:p>
        </p:txBody>
      </p:sp>
      <p:sp>
        <p:nvSpPr>
          <p:cNvPr id="7" name="TekstSylinder 6">
            <a:extLst>
              <a:ext uri="{FF2B5EF4-FFF2-40B4-BE49-F238E27FC236}">
                <a16:creationId xmlns:a16="http://schemas.microsoft.com/office/drawing/2014/main" id="{861BF273-4901-35C0-4B4C-926F819C2976}"/>
              </a:ext>
            </a:extLst>
          </p:cNvPr>
          <p:cNvSpPr txBox="1"/>
          <p:nvPr/>
        </p:nvSpPr>
        <p:spPr>
          <a:xfrm>
            <a:off x="6949643" y="2140351"/>
            <a:ext cx="3135085" cy="109728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Veidekke employees in different roles talking together</a:t>
            </a:r>
          </a:p>
        </p:txBody>
      </p:sp>
      <p:pic>
        <p:nvPicPr>
          <p:cNvPr id="8" name="Bilde 7" descr="Et bilde som inneholder utendørs, person, Landkjøretøy, hjelm&#10;&#10;Automatisk generert beskrivelse">
            <a:extLst>
              <a:ext uri="{FF2B5EF4-FFF2-40B4-BE49-F238E27FC236}">
                <a16:creationId xmlns:a16="http://schemas.microsoft.com/office/drawing/2014/main" id="{135811FB-9ADF-7C4F-4C8C-8419E5760411}"/>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190652" y="0"/>
            <a:ext cx="6001348" cy="6858000"/>
          </a:xfrm>
          <a:prstGeom prst="rect">
            <a:avLst/>
          </a:prstGeom>
        </p:spPr>
      </p:pic>
    </p:spTree>
    <p:custDataLst>
      <p:custData r:id="rId1"/>
      <p:custData r:id="rId2"/>
      <p:tags r:id="rId3"/>
    </p:custDataLst>
    <p:extLst>
      <p:ext uri="{BB962C8B-B14F-4D97-AF65-F5344CB8AC3E}">
        <p14:creationId xmlns:p14="http://schemas.microsoft.com/office/powerpoint/2010/main" val="99051355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en-GB" sz="34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Task 2</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5106717" cy="4107600"/>
          </a:xfrm>
        </p:spPr>
        <p:txBody>
          <a:bodyPr>
            <a:normAutofit/>
          </a:bodyPr>
          <a:lstStyle/>
          <a:p>
            <a:pPr marL="0" indent="0">
              <a:buNone/>
            </a:pPr>
            <a:r>
              <a:rPr lang="en-GB" sz="20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he physical work environment</a:t>
            </a:r>
          </a:p>
          <a:p>
            <a:pPr marL="0" indent="0">
              <a:buNone/>
            </a:pPr>
            <a:endParaRPr lang="nb-NO" sz="1400" b="1"/>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Review the tool/equipment you are using today. What are the three greatest risks that can arise when using this tool/equipment?</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o you have the appropriate protection (e.g. personal protective equipment) for today’s work tasks?</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s there anything in the workplace that makes you tired or weary? E.g. sound level, working position, vision and display, disturbances. </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hat actions can be taken to improve the physical working environment?</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1</a:t>
            </a:fld>
            <a:endParaRPr lang="sv-SE"/>
          </a:p>
        </p:txBody>
      </p:sp>
      <p:sp>
        <p:nvSpPr>
          <p:cNvPr id="7" name="TekstSylinder 6">
            <a:extLst>
              <a:ext uri="{FF2B5EF4-FFF2-40B4-BE49-F238E27FC236}">
                <a16:creationId xmlns:a16="http://schemas.microsoft.com/office/drawing/2014/main" id="{7CF47C37-1A8A-80F1-91DE-2DD386057CC5}"/>
              </a:ext>
            </a:extLst>
          </p:cNvPr>
          <p:cNvSpPr txBox="1"/>
          <p:nvPr/>
        </p:nvSpPr>
        <p:spPr>
          <a:xfrm>
            <a:off x="6949643" y="2140351"/>
            <a:ext cx="3135085" cy="109728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Veidekke employees working on a construction site in daylight</a:t>
            </a:r>
          </a:p>
        </p:txBody>
      </p:sp>
      <p:pic>
        <p:nvPicPr>
          <p:cNvPr id="8" name="Bilde 7" descr="Et bilde som inneholder himmel, Menneskeansikt, hjelm, person&#10;&#10;Automatisk generert beskrivelse">
            <a:extLst>
              <a:ext uri="{FF2B5EF4-FFF2-40B4-BE49-F238E27FC236}">
                <a16:creationId xmlns:a16="http://schemas.microsoft.com/office/drawing/2014/main" id="{3D27E0FD-2AFB-3C34-5B55-6AC1D5EF2ADE}"/>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001349" y="0"/>
            <a:ext cx="6190651" cy="6858000"/>
          </a:xfrm>
          <a:prstGeom prst="rect">
            <a:avLst/>
          </a:prstGeom>
        </p:spPr>
      </p:pic>
    </p:spTree>
    <p:custDataLst>
      <p:custData r:id="rId1"/>
      <p:custData r:id="rId2"/>
      <p:tags r:id="rId3"/>
    </p:custDataLst>
    <p:extLst>
      <p:ext uri="{BB962C8B-B14F-4D97-AF65-F5344CB8AC3E}">
        <p14:creationId xmlns:p14="http://schemas.microsoft.com/office/powerpoint/2010/main" val="30351031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en-GB" sz="34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Task 3</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4946400" cy="4107600"/>
          </a:xfrm>
        </p:spPr>
        <p:txBody>
          <a:bodyPr>
            <a:normAutofit/>
          </a:bodyPr>
          <a:lstStyle/>
          <a:p>
            <a:pPr marL="0" indent="0">
              <a:buNone/>
            </a:pPr>
            <a:r>
              <a:rPr lang="en-GB" sz="20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Observation</a:t>
            </a:r>
            <a:endParaRPr lang="nb-NO" sz="1400" b="1"/>
          </a:p>
          <a:p>
            <a:pPr marL="0" indent="0">
              <a:buNone/>
            </a:pPr>
            <a:endParaRPr lang="nb-NO" sz="1400" b="1"/>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Go somewhere with lots of activity and stand there for five minutes. What potential hazards do you see? </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hen, go to a new place and observe again. Do you see any similarities or differences from the previous place?</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2</a:t>
            </a:fld>
            <a:endParaRPr lang="sv-SE"/>
          </a:p>
        </p:txBody>
      </p:sp>
      <p:sp>
        <p:nvSpPr>
          <p:cNvPr id="9" name="TekstSylinder 8">
            <a:extLst>
              <a:ext uri="{FF2B5EF4-FFF2-40B4-BE49-F238E27FC236}">
                <a16:creationId xmlns:a16="http://schemas.microsoft.com/office/drawing/2014/main" id="{6E9CB68C-801F-00D0-B2A0-89C07D35BA3D}"/>
              </a:ext>
            </a:extLst>
          </p:cNvPr>
          <p:cNvSpPr txBox="1"/>
          <p:nvPr/>
        </p:nvSpPr>
        <p:spPr>
          <a:xfrm>
            <a:off x="6949643" y="2140351"/>
            <a:ext cx="3135085" cy="82296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Overview of a construction site</a:t>
            </a:r>
          </a:p>
        </p:txBody>
      </p:sp>
      <p:pic>
        <p:nvPicPr>
          <p:cNvPr id="4" name="Bilde 3" descr="Et bilde som inneholder konstruksjon, Storbyområde, Urbant område, Metropol&#10;&#10;Automatisk generert beskrivelse">
            <a:extLst>
              <a:ext uri="{FF2B5EF4-FFF2-40B4-BE49-F238E27FC236}">
                <a16:creationId xmlns:a16="http://schemas.microsoft.com/office/drawing/2014/main" id="{F70E8DA7-4094-53E8-60C5-0FCC668B8183}"/>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001351" y="0"/>
            <a:ext cx="6190650" cy="6858000"/>
          </a:xfrm>
          <a:prstGeom prst="rect">
            <a:avLst/>
          </a:prstGeom>
        </p:spPr>
      </p:pic>
    </p:spTree>
    <p:custDataLst>
      <p:custData r:id="rId1"/>
      <p:custData r:id="rId2"/>
      <p:tags r:id="rId3"/>
    </p:custDataLst>
    <p:extLst>
      <p:ext uri="{BB962C8B-B14F-4D97-AF65-F5344CB8AC3E}">
        <p14:creationId xmlns:p14="http://schemas.microsoft.com/office/powerpoint/2010/main" val="257840030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11113200" cy="1065600"/>
          </a:xfrm>
        </p:spPr>
        <p:txBody>
          <a:bodyPr anchor="ctr">
            <a:normAutofit/>
          </a:bodyPr>
          <a:lstStyle/>
          <a:p>
            <a:r>
              <a:rPr lang="en-GB" sz="34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Task 4</a:t>
            </a:r>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4946400" cy="4107600"/>
          </a:xfrm>
        </p:spPr>
        <p:txBody>
          <a:bodyPr>
            <a:normAutofit/>
          </a:bodyPr>
          <a:lstStyle/>
          <a:p>
            <a:pPr marL="0" indent="0">
              <a:buFont typeface="Veidekke Favorit Offc" panose="020B0504030202060203" pitchFamily="34" charset="0"/>
              <a:buNone/>
            </a:pPr>
            <a:r>
              <a:rPr lang="en-GB" sz="2000" b="1"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Summary of </a:t>
            </a:r>
            <a:r>
              <a:rPr lang="en-GB" sz="2000" b="1" i="0" u="none" strike="noStrike" cap="none" baseline="0" dirty="0" err="1">
                <a:solidFill>
                  <a:srgbClr val="000000"/>
                </a:solidFill>
                <a:effectLst/>
                <a:uFill>
                  <a:solidFill>
                    <a:prstClr val="black">
                      <a:alpha val="0"/>
                    </a:prstClr>
                  </a:solidFill>
                </a:uFill>
                <a:latin typeface="Veidekke Favorit Offc"/>
                <a:ea typeface="Veidekke Favorit Offc"/>
                <a:cs typeface="Veidekke Favorit Offc"/>
              </a:rPr>
              <a:t>Veidekke’s</a:t>
            </a:r>
            <a:r>
              <a:rPr lang="en-GB" sz="2000" b="1"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 OHS week</a:t>
            </a:r>
          </a:p>
          <a:p>
            <a:pPr marL="0" indent="0">
              <a:buFont typeface="Veidekke Favorit Offc" panose="020B0504030202060203" pitchFamily="34" charset="0"/>
              <a:buNone/>
            </a:pPr>
            <a:endParaRPr lang="nb-NO" sz="2400" b="1" dirty="0"/>
          </a:p>
          <a:p>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What improvement opportunities do you see? Review the answers with the whole group</a:t>
            </a:r>
            <a:endParaRPr lang="nb-NO" sz="2000" dirty="0"/>
          </a:p>
          <a:p>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Agree on at least one thing to improve and continue to work on. Add it to future planning if possible. Decide when and how you follow this up. </a:t>
            </a:r>
            <a:endParaRPr lang="nb-NO" sz="1200" dirty="0"/>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13</a:t>
            </a:fld>
            <a:endParaRPr lang="sv-SE"/>
          </a:p>
        </p:txBody>
      </p:sp>
      <p:sp>
        <p:nvSpPr>
          <p:cNvPr id="9" name="TekstSylinder 8">
            <a:extLst>
              <a:ext uri="{FF2B5EF4-FFF2-40B4-BE49-F238E27FC236}">
                <a16:creationId xmlns:a16="http://schemas.microsoft.com/office/drawing/2014/main" id="{6E9CB68C-801F-00D0-B2A0-89C07D35BA3D}"/>
              </a:ext>
            </a:extLst>
          </p:cNvPr>
          <p:cNvSpPr txBox="1"/>
          <p:nvPr/>
        </p:nvSpPr>
        <p:spPr>
          <a:xfrm>
            <a:off x="6949643" y="2140351"/>
            <a:ext cx="3135085" cy="82296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Overview of a construction site</a:t>
            </a:r>
          </a:p>
        </p:txBody>
      </p:sp>
      <p:pic>
        <p:nvPicPr>
          <p:cNvPr id="12" name="Picture 3">
            <a:extLst>
              <a:ext uri="{FF2B5EF4-FFF2-40B4-BE49-F238E27FC236}">
                <a16:creationId xmlns:a16="http://schemas.microsoft.com/office/drawing/2014/main" id="{00660BB7-0A5A-368C-E67B-E8175A3102D6}"/>
              </a:ext>
            </a:extLst>
          </p:cNvPr>
          <p:cNvPicPr>
            <a:picLocks noChangeAspect="1"/>
          </p:cNvPicPr>
          <p:nvPr>
            <p:custDataLst>
              <p:tags r:id="rId4"/>
            </p:custDataLst>
          </p:nvPr>
        </p:nvPicPr>
        <p:blipFill>
          <a:blip r:embed="rId6">
            <a:extLst>
              <a:ext uri="{28A0092B-C50C-407E-A947-70E740481C1C}">
                <a14:useLocalDpi xmlns:a14="http://schemas.microsoft.com/office/drawing/2010/main" val="0"/>
              </a:ext>
            </a:extLst>
          </a:blip>
          <a:stretch>
            <a:fillRect/>
          </a:stretch>
        </p:blipFill>
        <p:spPr>
          <a:xfrm>
            <a:off x="6001351" y="0"/>
            <a:ext cx="6190650" cy="6858000"/>
          </a:xfrm>
          <a:prstGeom prst="rect">
            <a:avLst/>
          </a:prstGeom>
        </p:spPr>
      </p:pic>
    </p:spTree>
    <p:custDataLst>
      <p:custData r:id="rId1"/>
      <p:custData r:id="rId2"/>
      <p:tags r:id="rId3"/>
    </p:custDataLst>
    <p:extLst>
      <p:ext uri="{BB962C8B-B14F-4D97-AF65-F5344CB8AC3E}">
        <p14:creationId xmlns:p14="http://schemas.microsoft.com/office/powerpoint/2010/main" val="31939913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Bilde 6" descr="Et bilde som inneholder transport, himmel, utendørs, romfartøy&#10;&#10;Automatisk generert beskrivelse">
            <a:extLst>
              <a:ext uri="{FF2B5EF4-FFF2-40B4-BE49-F238E27FC236}">
                <a16:creationId xmlns:a16="http://schemas.microsoft.com/office/drawing/2014/main" id="{30A060B9-0B83-395C-3C4C-E0C4B4D51FCC}"/>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0" y="10"/>
            <a:ext cx="12191980" cy="6857990"/>
          </a:xfrm>
          <a:prstGeom prst="rect">
            <a:avLst/>
          </a:prstGeom>
          <a:noFill/>
        </p:spPr>
      </p:pic>
      <p:sp>
        <p:nvSpPr>
          <p:cNvPr id="5" name="Plassholder for lysbildenummer 4" hidden="1">
            <a:extLst>
              <a:ext uri="{FF2B5EF4-FFF2-40B4-BE49-F238E27FC236}">
                <a16:creationId xmlns:a16="http://schemas.microsoft.com/office/drawing/2014/main" id="{0640B85C-B5ED-7594-1062-86FD1F87F2AD}"/>
              </a:ext>
            </a:extLst>
          </p:cNvPr>
          <p:cNvSpPr>
            <a:spLocks noGrp="1"/>
          </p:cNvSpPr>
          <p:nvPr>
            <p:ph type="sldNum" sz="quarter" idx="17"/>
          </p:nvPr>
        </p:nvSpPr>
        <p:spPr/>
        <p:txBody>
          <a:bodyPr/>
          <a:lstStyle/>
          <a:p>
            <a:pPr>
              <a:spcAft>
                <a:spcPts val="600"/>
              </a:spcAft>
            </a:pPr>
            <a:fld id="{24C8C45C-947F-4981-8B3F-4F32E973C901}" type="slidenum">
              <a:rPr lang="sv-SE" smtClean="0"/>
              <a:pPr>
                <a:spcAft>
                  <a:spcPts val="600"/>
                </a:spcAft>
              </a:pPr>
              <a:t>14</a:t>
            </a:fld>
            <a:endParaRPr lang="sv-SE"/>
          </a:p>
        </p:txBody>
      </p:sp>
    </p:spTree>
    <p:extLst>
      <p:ext uri="{BB962C8B-B14F-4D97-AF65-F5344CB8AC3E}">
        <p14:creationId xmlns:p14="http://schemas.microsoft.com/office/powerpoint/2010/main" val="39158837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6">
            <a:extLst>
              <a:ext uri="{FF2B5EF4-FFF2-40B4-BE49-F238E27FC236}">
                <a16:creationId xmlns:a16="http://schemas.microsoft.com/office/drawing/2014/main" id="{4E2BC10D-51CA-49F1-A09C-310F0FBD9D6B}"/>
              </a:ext>
            </a:extLst>
          </p:cNvPr>
          <p:cNvSpPr>
            <a:spLocks noGrp="1"/>
          </p:cNvSpPr>
          <p:nvPr>
            <p:ph type="title" idx="4294967295"/>
          </p:nvPr>
        </p:nvSpPr>
        <p:spPr>
          <a:xfrm>
            <a:off x="4878388" y="2497138"/>
            <a:ext cx="7313612" cy="2027237"/>
          </a:xfrm>
        </p:spPr>
        <p:txBody>
          <a:bodyPr/>
          <a:lstStyle/>
          <a:p>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Thank you for</a:t>
            </a:r>
          </a:p>
        </p:txBody>
      </p:sp>
      <p:sp>
        <p:nvSpPr>
          <p:cNvPr id="31" name="Slide Number Placeholder 30">
            <a:extLst>
              <a:ext uri="{FF2B5EF4-FFF2-40B4-BE49-F238E27FC236}">
                <a16:creationId xmlns:a16="http://schemas.microsoft.com/office/drawing/2014/main" id="{DA4E8C4A-474B-499F-B22C-49214F2A9D06}"/>
              </a:ext>
            </a:extLst>
          </p:cNvPr>
          <p:cNvSpPr>
            <a:spLocks noGrp="1"/>
          </p:cNvSpPr>
          <p:nvPr>
            <p:ph type="sldNum" sz="quarter" idx="4294967295"/>
          </p:nvPr>
        </p:nvSpPr>
        <p:spPr>
          <a:xfrm flipH="1">
            <a:off x="0" y="6858000"/>
            <a:ext cx="0" cy="0"/>
          </a:xfrm>
        </p:spPr>
        <p:txBody>
          <a:bodyPr/>
          <a:lstStyle/>
          <a:p>
            <a:fld id="{24C8C45C-947F-4981-8B3F-4F32E973C901}" type="slidenum">
              <a:rPr lang="sv-SE" smtClean="0"/>
              <a:t>15</a:t>
            </a:fld>
            <a:endParaRPr lang="sv-SE"/>
          </a:p>
        </p:txBody>
      </p:sp>
    </p:spTree>
    <p:custDataLst>
      <p:custData r:id="rId1"/>
      <p:custData r:id="rId2"/>
      <p:tags r:id="rId3"/>
    </p:custDataLst>
    <p:extLst>
      <p:ext uri="{BB962C8B-B14F-4D97-AF65-F5344CB8AC3E}">
        <p14:creationId xmlns:p14="http://schemas.microsoft.com/office/powerpoint/2010/main" val="885174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DACA9DE7-DEC6-5252-D6E9-60669B7BEA7A}"/>
              </a:ext>
            </a:extLst>
          </p:cNvPr>
          <p:cNvSpPr/>
          <p:nvPr/>
        </p:nvSpPr>
        <p:spPr>
          <a:xfrm>
            <a:off x="539749" y="809999"/>
            <a:ext cx="11110913" cy="5228852"/>
          </a:xfrm>
          <a:prstGeom prst="rect">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a:p>
        </p:txBody>
      </p:sp>
      <p:sp>
        <p:nvSpPr>
          <p:cNvPr id="5" name="Plassholder for lysbildenummer 4">
            <a:extLst>
              <a:ext uri="{FF2B5EF4-FFF2-40B4-BE49-F238E27FC236}">
                <a16:creationId xmlns:a16="http://schemas.microsoft.com/office/drawing/2014/main" id="{F31E4F52-F8E9-4ACD-96F2-C1D7C8C8A531}"/>
              </a:ext>
            </a:extLst>
          </p:cNvPr>
          <p:cNvSpPr>
            <a:spLocks noGrp="1"/>
          </p:cNvSpPr>
          <p:nvPr>
            <p:ph type="sldNum" sz="quarter" idx="30"/>
          </p:nvPr>
        </p:nvSpPr>
        <p:spPr/>
        <p:txBody>
          <a:bodyPr/>
          <a:lstStyle/>
          <a:p>
            <a:fld id="{24C8C45C-947F-4981-8B3F-4F32E973C901}" type="slidenum">
              <a:rPr lang="nb-NO" smtClean="0"/>
              <a:t>2</a:t>
            </a:fld>
            <a:endParaRPr lang="nb-NO"/>
          </a:p>
        </p:txBody>
      </p:sp>
      <p:sp>
        <p:nvSpPr>
          <p:cNvPr id="7" name="Plassholder for innhold 5">
            <a:extLst>
              <a:ext uri="{FF2B5EF4-FFF2-40B4-BE49-F238E27FC236}">
                <a16:creationId xmlns:a16="http://schemas.microsoft.com/office/drawing/2014/main" id="{05F51D6E-5BF5-323D-28D3-7037273F0895}"/>
              </a:ext>
            </a:extLst>
          </p:cNvPr>
          <p:cNvSpPr txBox="1"/>
          <p:nvPr/>
        </p:nvSpPr>
        <p:spPr>
          <a:xfrm>
            <a:off x="1217037" y="1436914"/>
            <a:ext cx="9886391" cy="4281352"/>
          </a:xfrm>
          <a:prstGeom prst="rect">
            <a:avLst/>
          </a:prstGeom>
        </p:spPr>
        <p:txBody>
          <a:bodyPr/>
          <a:lstStyle>
            <a:lvl1pPr marL="216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ct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a:lstStyle>
          <a:p>
            <a:pPr marL="0" indent="0">
              <a:buFont typeface="Veidekke Favorit Offc" panose="020B0504030202060203" pitchFamily="34" charset="0"/>
              <a:buNone/>
            </a:pPr>
            <a:r>
              <a:rPr lang="en-GB" sz="2800" b="1" i="0" u="none" strike="noStrike" cap="none" baseline="0" dirty="0" err="1">
                <a:solidFill>
                  <a:srgbClr val="F61B33"/>
                </a:solidFill>
                <a:effectLst/>
                <a:uFill>
                  <a:solidFill>
                    <a:prstClr val="black">
                      <a:alpha val="0"/>
                    </a:prstClr>
                  </a:solidFill>
                </a:uFill>
                <a:latin typeface="Veidekke Favorit Offc"/>
                <a:ea typeface="Veidekke Favorit Offc"/>
                <a:cs typeface="Veidekke Favorit Offc"/>
              </a:rPr>
              <a:t>Veidekke’s</a:t>
            </a:r>
            <a:r>
              <a:rPr lang="en-GB" sz="2800" b="1" i="0" u="none" strike="noStrike" cap="none" baseline="0" dirty="0">
                <a:solidFill>
                  <a:srgbClr val="F61B33"/>
                </a:solidFill>
                <a:effectLst/>
                <a:uFill>
                  <a:solidFill>
                    <a:prstClr val="black">
                      <a:alpha val="0"/>
                    </a:prstClr>
                  </a:solidFill>
                </a:uFill>
                <a:latin typeface="Veidekke Favorit Offc"/>
                <a:ea typeface="Veidekke Favorit Offc"/>
                <a:cs typeface="Veidekke Favorit Offc"/>
              </a:rPr>
              <a:t> overall OHS goals</a:t>
            </a:r>
          </a:p>
          <a:p>
            <a:pPr marL="0" indent="0">
              <a:buFont typeface="Veidekke Favorit Offc" panose="020B0504030202060203" pitchFamily="34" charset="0"/>
              <a:buNone/>
            </a:pPr>
            <a:endParaRPr lang="nb-NO" sz="2800" b="1" dirty="0">
              <a:solidFill>
                <a:schemeClr val="bg1"/>
              </a:solidFill>
            </a:endParaRPr>
          </a:p>
          <a:p>
            <a:pPr marL="0" indent="0">
              <a:buFont typeface="Veidekke Favorit Offc" panose="020B0504030202060203" pitchFamily="34" charset="0"/>
              <a:buNone/>
            </a:pPr>
            <a:r>
              <a:rPr lang="en-GB" sz="1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No one should become ill, sustain injury or, in the worst case, lose their lives as a result of working at or for Veidekke. Our main priority is to put an end to serious injuries.</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en-GB" sz="1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An important prerequisite for good OHS work is good production and active involvement of all employees. Veidekke will continuously work to improve the company’s systematic OHS work.</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en-GB" sz="1800" b="0" i="0" u="none" strike="noStrike" cap="none" baseline="0" dirty="0">
                <a:solidFill>
                  <a:srgbClr val="FFFFFF"/>
                </a:solidFill>
                <a:effectLst/>
                <a:uFill>
                  <a:solidFill>
                    <a:prstClr val="black">
                      <a:alpha val="0"/>
                    </a:prstClr>
                  </a:solidFill>
                </a:uFill>
                <a:latin typeface="Veidekke Favorit Offc"/>
                <a:ea typeface="Veidekke Favorit Offc"/>
                <a:cs typeface="Veidekke Favorit Offc"/>
              </a:rPr>
              <a:t>Our workplaces shall be characterised by a high level of well-being, and zero tolerance regarding bullying and harassment. Everyone should be treated equally and with respect.</a:t>
            </a:r>
          </a:p>
          <a:p>
            <a:pPr marL="0" indent="0">
              <a:buFont typeface="Veidekke Favorit Offc" panose="020B0504030202060203" pitchFamily="34" charset="0"/>
              <a:buNone/>
            </a:pPr>
            <a:endParaRPr lang="nb-NO" sz="2800" b="1" dirty="0">
              <a:solidFill>
                <a:schemeClr val="bg1"/>
              </a:solidFill>
            </a:endParaRPr>
          </a:p>
        </p:txBody>
      </p:sp>
    </p:spTree>
    <p:extLst>
      <p:ext uri="{BB962C8B-B14F-4D97-AF65-F5344CB8AC3E}">
        <p14:creationId xmlns:p14="http://schemas.microsoft.com/office/powerpoint/2010/main" val="10289024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nummer 1">
            <a:extLst>
              <a:ext uri="{FF2B5EF4-FFF2-40B4-BE49-F238E27FC236}">
                <a16:creationId xmlns:a16="http://schemas.microsoft.com/office/drawing/2014/main" id="{5055723E-4D89-2B5F-7A49-D9C204ECA986}"/>
              </a:ext>
            </a:extLst>
          </p:cNvPr>
          <p:cNvSpPr>
            <a:spLocks noGrp="1"/>
          </p:cNvSpPr>
          <p:nvPr>
            <p:ph type="sldNum" sz="quarter" idx="22"/>
          </p:nvPr>
        </p:nvSpPr>
        <p:spPr/>
        <p:txBody>
          <a:bodyPr/>
          <a:lstStyle/>
          <a:p>
            <a:fld id="{24C8C45C-947F-4981-8B3F-4F32E973C901}" type="slidenum">
              <a:rPr lang="sv-SE" smtClean="0"/>
              <a:t>3</a:t>
            </a:fld>
            <a:endParaRPr lang="sv-SE"/>
          </a:p>
        </p:txBody>
      </p:sp>
      <p:sp>
        <p:nvSpPr>
          <p:cNvPr id="3" name="Rubrik 2">
            <a:extLst>
              <a:ext uri="{FF2B5EF4-FFF2-40B4-BE49-F238E27FC236}">
                <a16:creationId xmlns:a16="http://schemas.microsoft.com/office/drawing/2014/main" id="{C72EFF0B-E744-7D70-9B14-E2C59F4AED0B}"/>
              </a:ext>
            </a:extLst>
          </p:cNvPr>
          <p:cNvSpPr>
            <a:spLocks noGrp="1"/>
          </p:cNvSpPr>
          <p:nvPr>
            <p:ph type="title"/>
          </p:nvPr>
        </p:nvSpPr>
        <p:spPr>
          <a:xfrm>
            <a:off x="2253942" y="2574758"/>
            <a:ext cx="6552558" cy="2878954"/>
          </a:xfrm>
        </p:spPr>
        <p:txBody>
          <a:bodyPr/>
          <a:lstStyle/>
          <a:p>
            <a:pPr>
              <a:lnSpc>
                <a:spcPct val="100000"/>
              </a:lnSpc>
            </a:pPr>
            <a:r>
              <a:rPr lang="en-GB" sz="16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How do we become good at involving, planning activities and identifying the biggest hazards? </a:t>
            </a:r>
            <a:r>
              <a:rPr lang="en-GB" sz="1600" b="1"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The theme of this year’s OHS week is safe production.</a:t>
            </a:r>
            <a:br>
              <a:rPr sz="1600" dirty="0"/>
            </a:br>
            <a:br>
              <a:rPr sz="1600" dirty="0"/>
            </a:br>
            <a:r>
              <a:rPr lang="en-GB" sz="16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During the week, we will take a closer look at how our choices and planning affect safety and the working environment. </a:t>
            </a:r>
            <a:br>
              <a:rPr sz="1600" dirty="0"/>
            </a:br>
            <a:br>
              <a:rPr sz="1600" dirty="0"/>
            </a:br>
            <a:r>
              <a:rPr lang="en-GB" sz="16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We will also talk about how we involve each other in our everyday work and how we create good conditions for safe production. </a:t>
            </a:r>
            <a:endParaRPr lang="sv-SE" sz="1600" b="1" dirty="0"/>
          </a:p>
        </p:txBody>
      </p:sp>
      <p:sp>
        <p:nvSpPr>
          <p:cNvPr id="4" name="Platshållare för text 3">
            <a:extLst>
              <a:ext uri="{FF2B5EF4-FFF2-40B4-BE49-F238E27FC236}">
                <a16:creationId xmlns:a16="http://schemas.microsoft.com/office/drawing/2014/main" id="{F434E358-5988-B173-ECD7-D8EE89342C89}"/>
              </a:ext>
            </a:extLst>
          </p:cNvPr>
          <p:cNvSpPr>
            <a:spLocks noGrp="1"/>
          </p:cNvSpPr>
          <p:nvPr>
            <p:ph type="body" sz="quarter" idx="15"/>
          </p:nvPr>
        </p:nvSpPr>
        <p:spPr>
          <a:xfrm>
            <a:off x="2253941" y="1404288"/>
            <a:ext cx="8405707" cy="866840"/>
          </a:xfrm>
        </p:spPr>
        <p:txBody>
          <a:bodyPr/>
          <a:lstStyle/>
          <a:p>
            <a:pPr algn="l"/>
            <a:r>
              <a:rPr lang="en-GB" sz="2400" b="1" i="0" u="none" strike="noStrike" cap="none" baseline="0" dirty="0" err="1">
                <a:solidFill>
                  <a:srgbClr val="380016"/>
                </a:solidFill>
                <a:effectLst/>
                <a:uFill>
                  <a:solidFill>
                    <a:prstClr val="black">
                      <a:alpha val="0"/>
                    </a:prstClr>
                  </a:solidFill>
                </a:uFill>
                <a:latin typeface="Veidekke Favorit Offc"/>
                <a:ea typeface="Veidekke Favorit Offc"/>
                <a:cs typeface="Veidekke Favorit Offc"/>
              </a:rPr>
              <a:t>Veidekke’s</a:t>
            </a:r>
            <a:r>
              <a:rPr lang="en-GB" sz="2400" b="1"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 OHS week 2024: </a:t>
            </a:r>
          </a:p>
          <a:p>
            <a:pPr algn="l"/>
            <a:r>
              <a:rPr lang="en-GB" sz="3600" b="1"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Small choices can have big consequences</a:t>
            </a:r>
            <a:r>
              <a:rPr lang="en-GB" sz="36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a:t>
            </a:r>
          </a:p>
        </p:txBody>
      </p:sp>
    </p:spTree>
    <p:extLst>
      <p:ext uri="{BB962C8B-B14F-4D97-AF65-F5344CB8AC3E}">
        <p14:creationId xmlns:p14="http://schemas.microsoft.com/office/powerpoint/2010/main" val="37593959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10C4B072-5A83-4665-8B42-259C162158B0}"/>
              </a:ext>
            </a:extLst>
          </p:cNvPr>
          <p:cNvSpPr>
            <a:spLocks noGrp="1"/>
          </p:cNvSpPr>
          <p:nvPr>
            <p:ph type="title"/>
          </p:nvPr>
        </p:nvSpPr>
        <p:spPr>
          <a:xfrm>
            <a:off x="539999" y="554400"/>
            <a:ext cx="5945685" cy="1065600"/>
          </a:xfrm>
        </p:spPr>
        <p:txBody>
          <a:bodyPr/>
          <a:lstStyle/>
          <a:p>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How to conduct a joint programme?</a:t>
            </a:r>
          </a:p>
        </p:txBody>
      </p:sp>
      <p:sp>
        <p:nvSpPr>
          <p:cNvPr id="4" name="Plassholder for innhold 3">
            <a:extLst>
              <a:ext uri="{FF2B5EF4-FFF2-40B4-BE49-F238E27FC236}">
                <a16:creationId xmlns:a16="http://schemas.microsoft.com/office/drawing/2014/main" id="{FE40DCCC-6E5B-4CB8-9163-416E126DCB71}"/>
              </a:ext>
            </a:extLst>
          </p:cNvPr>
          <p:cNvSpPr>
            <a:spLocks noGrp="1"/>
          </p:cNvSpPr>
          <p:nvPr>
            <p:ph sz="quarter" idx="14"/>
          </p:nvPr>
        </p:nvSpPr>
        <p:spPr>
          <a:xfrm>
            <a:off x="540000" y="1933200"/>
            <a:ext cx="5945684" cy="4107600"/>
          </a:xfrm>
        </p:spPr>
        <p:txBody>
          <a:bodyPr/>
          <a:lstStyle/>
          <a:p>
            <a:pPr marL="342900" lvl="0" indent="-342900">
              <a:buFont typeface="+mj-lt"/>
              <a:buAutoNum type="arabicPeriod"/>
              <a:tabLst>
                <a:tab pos="457200" algn="l"/>
              </a:tabLst>
            </a:pPr>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Brief introduction to this year's topic, feel free to use this PowerPoint presentation (5 minutes)</a:t>
            </a:r>
          </a:p>
          <a:p>
            <a:pPr marL="342900" lvl="0" indent="-342900">
              <a:buFont typeface="+mj-lt"/>
              <a:buAutoNum type="arabicPeriod"/>
              <a:tabLst>
                <a:tab pos="457200" algn="l"/>
              </a:tabLst>
            </a:pPr>
            <a:endParaRPr lang="nb-NO" sz="16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Play this year's OHS film on a large screen, alternatively on your mobile phone (7 minutes)</a:t>
            </a:r>
          </a:p>
          <a:p>
            <a:pPr marL="342900" lvl="0" indent="-342900">
              <a:buFont typeface="+mj-lt"/>
              <a:buAutoNum type="arabicPeriod"/>
              <a:tabLst>
                <a:tab pos="457200" algn="l"/>
              </a:tabLst>
            </a:pPr>
            <a:endParaRPr lang="nb-NO" sz="1600" kern="100" dirty="0">
              <a:effectLst/>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Go through the discussion tasks in small groups. Get together in groups of two and two or three and three. Then discuss your answers in plenary. (Allow sufficient time – at least 45 minutes)</a:t>
            </a:r>
          </a:p>
          <a:p>
            <a:pPr marL="342900" lvl="0" indent="-342900">
              <a:buFont typeface="+mj-lt"/>
              <a:buAutoNum type="arabicPeriod"/>
              <a:tabLst>
                <a:tab pos="457200" algn="l"/>
              </a:tabLst>
            </a:pPr>
            <a:endParaRPr lang="nb-NO" sz="1600" kern="100" dirty="0">
              <a:latin typeface="+mj-lt"/>
              <a:ea typeface="Calibri" panose="020F0502020204030204" pitchFamily="34" charset="0"/>
              <a:cs typeface="Times New Roman" panose="02020603050405020304" pitchFamily="18" charset="0"/>
            </a:endParaRPr>
          </a:p>
          <a:p>
            <a:pPr marL="0" lvl="0" indent="0">
              <a:buNone/>
              <a:tabLst>
                <a:tab pos="457200" algn="l"/>
              </a:tabLst>
            </a:pPr>
            <a:r>
              <a:rPr lang="en-GB" sz="1600" b="0" i="0" u="none" strike="noStrike" cap="none" baseline="0" dirty="0">
                <a:solidFill>
                  <a:srgbClr val="000000"/>
                </a:solidFill>
                <a:effectLst/>
                <a:uFill>
                  <a:solidFill>
                    <a:prstClr val="black">
                      <a:alpha val="0"/>
                    </a:prstClr>
                  </a:solidFill>
                </a:uFill>
                <a:latin typeface="Veidekke Favorit Offc"/>
                <a:ea typeface="Veidekke Favorit Offc"/>
                <a:cs typeface="Veidekke Favorit Offc"/>
              </a:rPr>
              <a:t>The joint programme takes approximately 60 minutes to complete altogether. </a:t>
            </a:r>
            <a:endParaRPr lang="nb-NO" sz="1600" kern="100" dirty="0">
              <a:effectLst/>
              <a:latin typeface="+mj-lt"/>
              <a:ea typeface="Calibri" panose="020F0502020204030204" pitchFamily="34" charset="0"/>
              <a:cs typeface="Times New Roman" panose="02020603050405020304" pitchFamily="18" charset="0"/>
            </a:endParaRPr>
          </a:p>
        </p:txBody>
      </p:sp>
      <p:sp>
        <p:nvSpPr>
          <p:cNvPr id="5" name="Plassholder for lysbildenummer 4">
            <a:extLst>
              <a:ext uri="{FF2B5EF4-FFF2-40B4-BE49-F238E27FC236}">
                <a16:creationId xmlns:a16="http://schemas.microsoft.com/office/drawing/2014/main" id="{A3A8197C-1379-4D0E-A7BE-CDF9EC7743A4}"/>
              </a:ext>
            </a:extLst>
          </p:cNvPr>
          <p:cNvSpPr>
            <a:spLocks noGrp="1"/>
          </p:cNvSpPr>
          <p:nvPr>
            <p:ph type="sldNum" sz="quarter" idx="17"/>
          </p:nvPr>
        </p:nvSpPr>
        <p:spPr/>
        <p:txBody>
          <a:bodyPr/>
          <a:lstStyle/>
          <a:p>
            <a:fld id="{24C8C45C-947F-4981-8B3F-4F32E973C901}" type="slidenum">
              <a:rPr lang="nb-NO" smtClean="0"/>
              <a:t>4</a:t>
            </a:fld>
            <a:endParaRPr lang="nb-NO"/>
          </a:p>
        </p:txBody>
      </p:sp>
      <p:pic>
        <p:nvPicPr>
          <p:cNvPr id="3" name="Bilde 2" descr="Et bilde som inneholder hjelm, konstruksjon, brannkonstabel, arbeidsantrekk&#10;&#10;Automatisk generert beskrivelse">
            <a:extLst>
              <a:ext uri="{FF2B5EF4-FFF2-40B4-BE49-F238E27FC236}">
                <a16:creationId xmlns:a16="http://schemas.microsoft.com/office/drawing/2014/main" id="{A3A0DC98-812C-8E3F-8CDE-06BCCCC9DCB0}"/>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978316" y="0"/>
            <a:ext cx="5569402" cy="6858000"/>
          </a:xfrm>
          <a:prstGeom prst="rect">
            <a:avLst/>
          </a:prstGeom>
        </p:spPr>
      </p:pic>
    </p:spTree>
    <p:extLst>
      <p:ext uri="{BB962C8B-B14F-4D97-AF65-F5344CB8AC3E}">
        <p14:creationId xmlns:p14="http://schemas.microsoft.com/office/powerpoint/2010/main" val="36534676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Undertittel 2">
            <a:extLst>
              <a:ext uri="{FF2B5EF4-FFF2-40B4-BE49-F238E27FC236}">
                <a16:creationId xmlns:a16="http://schemas.microsoft.com/office/drawing/2014/main" id="{5D2F0B58-CE8B-3A9F-5DDD-FC7E206CCF91}"/>
              </a:ext>
            </a:extLst>
          </p:cNvPr>
          <p:cNvSpPr>
            <a:spLocks noGrp="1"/>
          </p:cNvSpPr>
          <p:nvPr>
            <p:ph type="subTitle" idx="13"/>
          </p:nvPr>
        </p:nvSpPr>
        <p:spPr/>
        <p:txBody>
          <a:bodyPr/>
          <a:lstStyle/>
          <a:p>
            <a:r>
              <a:rPr lang="en-GB" sz="4000" b="0" i="0" u="none" strike="noStrike" cap="none" baseline="0" dirty="0">
                <a:solidFill>
                  <a:srgbClr val="F61B33"/>
                </a:solidFill>
                <a:effectLst/>
                <a:uFill>
                  <a:solidFill>
                    <a:prstClr val="black">
                      <a:alpha val="0"/>
                    </a:prstClr>
                  </a:solidFill>
                </a:uFill>
                <a:latin typeface="Veidekke Favorit Offc"/>
                <a:ea typeface="Veidekke Favorit Offc"/>
                <a:cs typeface="Veidekke Favorit Offc"/>
                <a:hlinkClick r:id="rId2"/>
              </a:rPr>
              <a:t>Watch this year’s OHS week film here</a:t>
            </a:r>
            <a:endParaRPr lang="nb-NO" sz="4000" dirty="0"/>
          </a:p>
        </p:txBody>
      </p:sp>
      <p:sp>
        <p:nvSpPr>
          <p:cNvPr id="4" name="Plassholder for lysbildenummer 3">
            <a:extLst>
              <a:ext uri="{FF2B5EF4-FFF2-40B4-BE49-F238E27FC236}">
                <a16:creationId xmlns:a16="http://schemas.microsoft.com/office/drawing/2014/main" id="{5538B9B1-BD53-6E1A-182F-9779695772E0}"/>
              </a:ext>
            </a:extLst>
          </p:cNvPr>
          <p:cNvSpPr>
            <a:spLocks noGrp="1"/>
          </p:cNvSpPr>
          <p:nvPr>
            <p:ph type="sldNum" sz="quarter" idx="16"/>
          </p:nvPr>
        </p:nvSpPr>
        <p:spPr/>
        <p:txBody>
          <a:bodyPr/>
          <a:lstStyle/>
          <a:p>
            <a:fld id="{24C8C45C-947F-4981-8B3F-4F32E973C901}" type="slidenum">
              <a:rPr lang="sv-SE" smtClean="0"/>
              <a:t>5</a:t>
            </a:fld>
            <a:endParaRPr lang="sv-SE"/>
          </a:p>
        </p:txBody>
      </p:sp>
    </p:spTree>
    <p:extLst>
      <p:ext uri="{BB962C8B-B14F-4D97-AF65-F5344CB8AC3E}">
        <p14:creationId xmlns:p14="http://schemas.microsoft.com/office/powerpoint/2010/main" val="3776447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9" y="554400"/>
            <a:ext cx="5199064" cy="1065600"/>
          </a:xfrm>
        </p:spPr>
        <p:txBody>
          <a:bodyPr anchor="t">
            <a:normAutofit/>
          </a:bodyPr>
          <a:lstStyle/>
          <a:p>
            <a:r>
              <a:rPr lang="en-GB" sz="32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Reflection tasks after the film</a:t>
            </a:r>
            <a:endParaRPr lang="sv-SE" sz="3400" spc="0"/>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39999" y="1620000"/>
            <a:ext cx="4982027" cy="4283532"/>
          </a:xfrm>
        </p:spPr>
        <p:txBody>
          <a:bodyPr>
            <a:normAutofit/>
          </a:bodyPr>
          <a:lstStyle/>
          <a:p>
            <a:pPr marL="0" indent="0">
              <a:buNone/>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Spend enough time on this part, at least 45 minutes</a:t>
            </a:r>
          </a:p>
          <a:p>
            <a:pPr marL="0" indent="0">
              <a:buNone/>
            </a:pPr>
            <a:endParaRPr lang="nb-NO" sz="1600"/>
          </a:p>
          <a:p>
            <a:pPr marL="342900" indent="-342900">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Get together in groups of two and two or three and three </a:t>
            </a:r>
          </a:p>
          <a:p>
            <a:pPr marL="342900" indent="-342900">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Go through the discussion tasks </a:t>
            </a:r>
          </a:p>
          <a:p>
            <a:pPr marL="342900" indent="-342900">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hen discuss your answers in plenary </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6</a:t>
            </a:fld>
            <a:endParaRPr lang="sv-SE"/>
          </a:p>
        </p:txBody>
      </p:sp>
      <p:sp>
        <p:nvSpPr>
          <p:cNvPr id="9" name="TekstSylinder 8">
            <a:extLst>
              <a:ext uri="{FF2B5EF4-FFF2-40B4-BE49-F238E27FC236}">
                <a16:creationId xmlns:a16="http://schemas.microsoft.com/office/drawing/2014/main" id="{5C275986-8D85-C71B-1B13-2D993E5425BC}"/>
              </a:ext>
            </a:extLst>
          </p:cNvPr>
          <p:cNvSpPr txBox="1"/>
          <p:nvPr/>
        </p:nvSpPr>
        <p:spPr>
          <a:xfrm>
            <a:off x="6949643" y="2140351"/>
            <a:ext cx="3135085" cy="82296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Veidekke employees talking to each other</a:t>
            </a:r>
          </a:p>
        </p:txBody>
      </p:sp>
      <p:pic>
        <p:nvPicPr>
          <p:cNvPr id="18" name="Picture 3">
            <a:extLst>
              <a:ext uri="{FF2B5EF4-FFF2-40B4-BE49-F238E27FC236}">
                <a16:creationId xmlns:a16="http://schemas.microsoft.com/office/drawing/2014/main" id="{85527A7A-4205-54FB-9C0A-FE16F79EFB2A}"/>
              </a:ext>
            </a:extLst>
          </p:cNvPr>
          <p:cNvPicPr>
            <a:picLocks noChangeAspect="1"/>
          </p:cNvPicPr>
          <p:nvPr>
            <p:custDataLst>
              <p:tags r:id="rId4"/>
            </p:custDataLst>
          </p:nvPr>
        </p:nvPicPr>
        <p:blipFill>
          <a:blip r:embed="rId6">
            <a:extLst>
              <a:ext uri="{28A0092B-C50C-407E-A947-70E740481C1C}">
                <a14:useLocalDpi xmlns:a14="http://schemas.microsoft.com/office/drawing/2010/main" val="0"/>
              </a:ext>
            </a:extLst>
          </a:blip>
          <a:stretch>
            <a:fillRect/>
          </a:stretch>
        </p:blipFill>
        <p:spPr>
          <a:xfrm>
            <a:off x="6096000" y="0"/>
            <a:ext cx="6095999" cy="6858000"/>
          </a:xfrm>
          <a:prstGeom prst="rect">
            <a:avLst/>
          </a:prstGeom>
        </p:spPr>
      </p:pic>
    </p:spTree>
    <p:custDataLst>
      <p:custData r:id="rId1"/>
      <p:custData r:id="rId2"/>
      <p:tags r:id="rId3"/>
    </p:custDataLst>
    <p:extLst>
      <p:ext uri="{BB962C8B-B14F-4D97-AF65-F5344CB8AC3E}">
        <p14:creationId xmlns:p14="http://schemas.microsoft.com/office/powerpoint/2010/main" val="320880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a:xfrm>
            <a:off x="539998" y="554400"/>
            <a:ext cx="5773119" cy="489309"/>
          </a:xfrm>
        </p:spPr>
        <p:txBody>
          <a:bodyPr anchor="t">
            <a:noAutofit/>
          </a:bodyPr>
          <a:lstStyle/>
          <a:p>
            <a:r>
              <a:rPr lang="en-GB" sz="3200" b="1"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Reflection tasks after the film</a:t>
            </a:r>
            <a:endParaRPr lang="sv-SE" sz="3200" spc="0" dirty="0"/>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39999" y="1620000"/>
            <a:ext cx="6581237" cy="4283532"/>
          </a:xfrm>
        </p:spPr>
        <p:txBody>
          <a:bodyPr>
            <a:normAutofit/>
          </a:bodyPr>
          <a:lstStyle/>
          <a:p>
            <a:pPr marL="0" indent="0">
              <a:lnSpc>
                <a:spcPct val="90000"/>
              </a:lnSpc>
              <a:buNone/>
            </a:pPr>
            <a:r>
              <a:rPr lang="en-GB" sz="1500" b="1"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Think about what you did at work last week. Select the questions that are relevant to the group. Please spend approximately 5 minutes per question. Note the answers on post-it notes.</a:t>
            </a:r>
          </a:p>
          <a:p>
            <a:pPr marL="342900" indent="-342900">
              <a:lnSpc>
                <a:spcPct val="90000"/>
              </a:lnSpc>
              <a:buFont typeface="+mj-lt"/>
              <a:buAutoNum type="arabicPeriod"/>
            </a:pPr>
            <a:endParaRPr lang="nb-NO" sz="1600" i="1"/>
          </a:p>
          <a:p>
            <a:pPr marL="342900" indent="-342900">
              <a:lnSpc>
                <a:spcPct val="90000"/>
              </a:lnSpc>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id all the work go according to plan last week? For example, start from the PPE (Plan Percentage Executed). </a:t>
            </a:r>
          </a:p>
          <a:p>
            <a:pPr marL="342900" indent="-342900">
              <a:lnSpc>
                <a:spcPct val="90000"/>
              </a:lnSpc>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Did you identify any risks? How were they handled in planning?</a:t>
            </a:r>
          </a:p>
          <a:p>
            <a:pPr marL="342900" indent="-342900">
              <a:lnSpc>
                <a:spcPct val="90000"/>
              </a:lnSpc>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ere there new risks that were not included in the original plan?</a:t>
            </a:r>
          </a:p>
          <a:p>
            <a:pPr marL="342900" indent="-342900">
              <a:lnSpc>
                <a:spcPct val="90000"/>
              </a:lnSpc>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ho should you involve in the planning to detect risk as early as possible? E.g. safety representative, SC/suppliers, support functions.</a:t>
            </a:r>
          </a:p>
          <a:p>
            <a:pPr marL="342900" indent="-342900">
              <a:lnSpc>
                <a:spcPct val="90000"/>
              </a:lnSpc>
              <a:buFont typeface="+mj-lt"/>
              <a:buAutoNum type="arabicPeriod"/>
            </a:pPr>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Is the plan and risks for this week clear to everyone in the workplace?</a:t>
            </a: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7</a:t>
            </a:fld>
            <a:endParaRPr lang="sv-SE"/>
          </a:p>
        </p:txBody>
      </p:sp>
      <p:sp>
        <p:nvSpPr>
          <p:cNvPr id="9" name="TekstSylinder 8">
            <a:extLst>
              <a:ext uri="{FF2B5EF4-FFF2-40B4-BE49-F238E27FC236}">
                <a16:creationId xmlns:a16="http://schemas.microsoft.com/office/drawing/2014/main" id="{5C275986-8D85-C71B-1B13-2D993E5425BC}"/>
              </a:ext>
            </a:extLst>
          </p:cNvPr>
          <p:cNvSpPr txBox="1"/>
          <p:nvPr/>
        </p:nvSpPr>
        <p:spPr>
          <a:xfrm>
            <a:off x="6949643" y="2140351"/>
            <a:ext cx="3135085" cy="82296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Veidekke employees talking to each other</a:t>
            </a:r>
          </a:p>
        </p:txBody>
      </p:sp>
      <p:pic>
        <p:nvPicPr>
          <p:cNvPr id="4" name="Bilde 3" descr="Et bilde som inneholder utendørs, klær, himmel, person&#10;&#10;Automatisk generert beskrivelse">
            <a:extLst>
              <a:ext uri="{FF2B5EF4-FFF2-40B4-BE49-F238E27FC236}">
                <a16:creationId xmlns:a16="http://schemas.microsoft.com/office/drawing/2014/main" id="{7A355304-DA43-DA5B-0159-64658227B02A}"/>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7462982" y="0"/>
            <a:ext cx="4729017" cy="6858000"/>
          </a:xfrm>
          <a:prstGeom prst="rect">
            <a:avLst/>
          </a:prstGeom>
        </p:spPr>
      </p:pic>
    </p:spTree>
    <p:custDataLst>
      <p:custData r:id="rId1"/>
      <p:custData r:id="rId2"/>
      <p:tags r:id="rId3"/>
    </p:custDataLst>
    <p:extLst>
      <p:ext uri="{BB962C8B-B14F-4D97-AF65-F5344CB8AC3E}">
        <p14:creationId xmlns:p14="http://schemas.microsoft.com/office/powerpoint/2010/main" val="14561295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ubrik 1">
            <a:extLst>
              <a:ext uri="{FF2B5EF4-FFF2-40B4-BE49-F238E27FC236}">
                <a16:creationId xmlns:a16="http://schemas.microsoft.com/office/drawing/2014/main" id="{709BB1DD-97A6-D9BC-9EB3-0DC23BEC8EA0}"/>
              </a:ext>
            </a:extLst>
          </p:cNvPr>
          <p:cNvSpPr>
            <a:spLocks noGrp="1"/>
          </p:cNvSpPr>
          <p:nvPr>
            <p:ph type="title"/>
          </p:nvPr>
        </p:nvSpPr>
        <p:spPr>
          <a:xfrm>
            <a:off x="539999" y="554400"/>
            <a:ext cx="5177970" cy="1065600"/>
          </a:xfrm>
        </p:spPr>
        <p:txBody>
          <a:bodyPr anchor="t">
            <a:normAutofit/>
          </a:bodyPr>
          <a:lstStyle/>
          <a:p>
            <a:r>
              <a:rPr lang="en-GB" sz="34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Review all answers with the whole group</a:t>
            </a:r>
            <a:endParaRPr lang="sv-SE" sz="3400"/>
          </a:p>
        </p:txBody>
      </p:sp>
      <p:sp>
        <p:nvSpPr>
          <p:cNvPr id="4" name="Platshållare för innehåll 3">
            <a:extLst>
              <a:ext uri="{FF2B5EF4-FFF2-40B4-BE49-F238E27FC236}">
                <a16:creationId xmlns:a16="http://schemas.microsoft.com/office/drawing/2014/main" id="{3F4228E1-D5FB-B209-6B00-D81E5476D7FB}"/>
              </a:ext>
            </a:extLst>
          </p:cNvPr>
          <p:cNvSpPr>
            <a:spLocks noGrp="1"/>
          </p:cNvSpPr>
          <p:nvPr>
            <p:ph sz="quarter" idx="14"/>
          </p:nvPr>
        </p:nvSpPr>
        <p:spPr>
          <a:xfrm>
            <a:off x="539999" y="1933200"/>
            <a:ext cx="4607954" cy="4107600"/>
          </a:xfrm>
        </p:spPr>
        <p:txBody>
          <a:bodyPr>
            <a:normAutofit/>
          </a:bodyPr>
          <a:lstStyle/>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What improvement opportunities do you see?</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gree on at least one improvement you will continue to work on. </a:t>
            </a:r>
          </a:p>
          <a:p>
            <a:r>
              <a:rPr lang="en-GB" sz="1600" b="0" i="0" u="none" strike="noStrike" cap="none" baseline="0">
                <a:solidFill>
                  <a:srgbClr val="000000"/>
                </a:solidFill>
                <a:effectLst/>
                <a:uFill>
                  <a:solidFill>
                    <a:prstClr val="black">
                      <a:alpha val="0"/>
                    </a:prstClr>
                  </a:solidFill>
                </a:uFill>
                <a:latin typeface="Veidekke Favorit Offc"/>
                <a:ea typeface="Veidekke Favorit Offc"/>
                <a:cs typeface="Veidekke Favorit Offc"/>
              </a:rPr>
              <a:t>Add the improvement to the plan if possible. Decide when and how to follow up on this. </a:t>
            </a:r>
          </a:p>
          <a:p>
            <a:pPr marL="0" indent="0">
              <a:buNone/>
            </a:pPr>
            <a:endParaRPr lang="nb-NO" sz="1500"/>
          </a:p>
          <a:p>
            <a:pPr marL="0" indent="0">
              <a:buNone/>
            </a:pPr>
            <a:endParaRPr lang="sv-SE" sz="1500"/>
          </a:p>
        </p:txBody>
      </p:sp>
      <p:sp>
        <p:nvSpPr>
          <p:cNvPr id="5" name="Platshållare för bildnummer 4">
            <a:extLst>
              <a:ext uri="{FF2B5EF4-FFF2-40B4-BE49-F238E27FC236}">
                <a16:creationId xmlns:a16="http://schemas.microsoft.com/office/drawing/2014/main" id="{07C3DDA3-FF23-A476-36C2-128481D351CB}"/>
              </a:ext>
            </a:extLst>
          </p:cNvPr>
          <p:cNvSpPr>
            <a:spLocks noGrp="1"/>
          </p:cNvSpPr>
          <p:nvPr>
            <p:ph type="sldNum" sz="quarter" idx="18"/>
          </p:nvPr>
        </p:nvSpPr>
        <p:spPr>
          <a:xfrm>
            <a:off x="540000" y="6307200"/>
            <a:ext cx="252000" cy="180000"/>
          </a:xfrm>
        </p:spPr>
        <p:txBody>
          <a:bodyPr anchor="b">
            <a:normAutofit/>
          </a:bodyPr>
          <a:lstStyle/>
          <a:p>
            <a:pPr>
              <a:spcAft>
                <a:spcPts val="600"/>
              </a:spcAft>
            </a:pPr>
            <a:fld id="{24C8C45C-947F-4981-8B3F-4F32E973C901}" type="slidenum">
              <a:rPr lang="sv-SE" smtClean="0"/>
              <a:pPr>
                <a:spcAft>
                  <a:spcPts val="600"/>
                </a:spcAft>
              </a:pPr>
              <a:t>8</a:t>
            </a:fld>
            <a:endParaRPr lang="sv-SE"/>
          </a:p>
        </p:txBody>
      </p:sp>
      <p:sp>
        <p:nvSpPr>
          <p:cNvPr id="8" name="TekstSylinder 7">
            <a:extLst>
              <a:ext uri="{FF2B5EF4-FFF2-40B4-BE49-F238E27FC236}">
                <a16:creationId xmlns:a16="http://schemas.microsoft.com/office/drawing/2014/main" id="{7B679565-BD45-B861-07D8-6F4A8A3C810A}"/>
              </a:ext>
            </a:extLst>
          </p:cNvPr>
          <p:cNvSpPr txBox="1"/>
          <p:nvPr/>
        </p:nvSpPr>
        <p:spPr>
          <a:xfrm>
            <a:off x="6949643" y="2140351"/>
            <a:ext cx="3135085" cy="822960"/>
          </a:xfrm>
          <a:prstGeom prst="rect">
            <a:avLst/>
          </a:prstGeom>
          <a:noFill/>
          <a:ln>
            <a:solidFill>
              <a:schemeClr val="bg1"/>
            </a:solidFill>
          </a:ln>
        </p:spPr>
        <p:txBody>
          <a:bodyPr wrap="square" lIns="0" tIns="0" rIns="0" bIns="0" rtlCol="0">
            <a:spAutoFit/>
          </a:bodyPr>
          <a:lstStyle/>
          <a:p>
            <a:pPr algn="l">
              <a:spcAft>
                <a:spcPts val="600"/>
              </a:spcAft>
            </a:pPr>
            <a:r>
              <a:rPr lang="en-GB" sz="1800" b="0" i="0" u="none" strike="noStrike" cap="none" baseline="0">
                <a:solidFill>
                  <a:srgbClr val="FFFFFF"/>
                </a:solidFill>
                <a:effectLst/>
                <a:uFill>
                  <a:solidFill>
                    <a:prstClr val="black">
                      <a:alpha val="0"/>
                    </a:prstClr>
                  </a:solidFill>
                </a:uFill>
                <a:latin typeface="Veidekke Favorit Offc"/>
                <a:ea typeface="Veidekke Favorit Offc"/>
                <a:cs typeface="Veidekke Favorit Offc"/>
              </a:rPr>
              <a:t>Alt. From Image Bank: Group of people from Veidekke having a discussion</a:t>
            </a:r>
          </a:p>
        </p:txBody>
      </p:sp>
      <p:pic>
        <p:nvPicPr>
          <p:cNvPr id="7" name="Bilde 6" descr="Et bilde som inneholder hjelm, utendørs, klær, person&#10;&#10;Automatisk generert beskrivelse">
            <a:extLst>
              <a:ext uri="{FF2B5EF4-FFF2-40B4-BE49-F238E27FC236}">
                <a16:creationId xmlns:a16="http://schemas.microsoft.com/office/drawing/2014/main" id="{6A87C184-F0C0-BB05-DF03-769451068CB4}"/>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717969" y="0"/>
            <a:ext cx="6474031" cy="6858000"/>
          </a:xfrm>
          <a:prstGeom prst="rect">
            <a:avLst/>
          </a:prstGeom>
        </p:spPr>
      </p:pic>
    </p:spTree>
    <p:extLst>
      <p:ext uri="{BB962C8B-B14F-4D97-AF65-F5344CB8AC3E}">
        <p14:creationId xmlns:p14="http://schemas.microsoft.com/office/powerpoint/2010/main" val="37441443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tshållare för bildnummer 1">
            <a:extLst>
              <a:ext uri="{FF2B5EF4-FFF2-40B4-BE49-F238E27FC236}">
                <a16:creationId xmlns:a16="http://schemas.microsoft.com/office/drawing/2014/main" id="{5055723E-4D89-2B5F-7A49-D9C204ECA986}"/>
              </a:ext>
            </a:extLst>
          </p:cNvPr>
          <p:cNvSpPr>
            <a:spLocks noGrp="1"/>
          </p:cNvSpPr>
          <p:nvPr>
            <p:ph type="sldNum" sz="quarter" idx="22"/>
          </p:nvPr>
        </p:nvSpPr>
        <p:spPr/>
        <p:txBody>
          <a:bodyPr/>
          <a:lstStyle/>
          <a:p>
            <a:fld id="{24C8C45C-947F-4981-8B3F-4F32E973C901}" type="slidenum">
              <a:rPr lang="sv-SE" smtClean="0"/>
              <a:t>9</a:t>
            </a:fld>
            <a:endParaRPr lang="sv-SE"/>
          </a:p>
        </p:txBody>
      </p:sp>
      <p:sp>
        <p:nvSpPr>
          <p:cNvPr id="3" name="Rubrik 2">
            <a:extLst>
              <a:ext uri="{FF2B5EF4-FFF2-40B4-BE49-F238E27FC236}">
                <a16:creationId xmlns:a16="http://schemas.microsoft.com/office/drawing/2014/main" id="{C72EFF0B-E744-7D70-9B14-E2C59F4AED0B}"/>
              </a:ext>
            </a:extLst>
          </p:cNvPr>
          <p:cNvSpPr>
            <a:spLocks noGrp="1"/>
          </p:cNvSpPr>
          <p:nvPr>
            <p:ph type="title"/>
          </p:nvPr>
        </p:nvSpPr>
        <p:spPr>
          <a:xfrm>
            <a:off x="2253942" y="2693773"/>
            <a:ext cx="6552558" cy="1580842"/>
          </a:xfrm>
        </p:spPr>
        <p:txBody>
          <a:bodyPr/>
          <a:lstStyle/>
          <a:p>
            <a:pPr>
              <a:lnSpc>
                <a:spcPct val="100000"/>
              </a:lnSpc>
            </a:pPr>
            <a:r>
              <a:rPr lang="en-GB" sz="15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Here are suggestions for individual observation tasks that can be done during the other days of </a:t>
            </a:r>
            <a:r>
              <a:rPr lang="en-GB" sz="1500" b="0" i="0" u="none" strike="noStrike" cap="none" baseline="0" dirty="0" err="1">
                <a:solidFill>
                  <a:srgbClr val="380016"/>
                </a:solidFill>
                <a:effectLst/>
                <a:uFill>
                  <a:solidFill>
                    <a:prstClr val="black">
                      <a:alpha val="0"/>
                    </a:prstClr>
                  </a:solidFill>
                </a:uFill>
                <a:latin typeface="Veidekke Favorit Offc"/>
                <a:ea typeface="Veidekke Favorit Offc"/>
                <a:cs typeface="Veidekke Favorit Offc"/>
              </a:rPr>
              <a:t>Veidekke’s</a:t>
            </a:r>
            <a:r>
              <a:rPr lang="en-GB" sz="15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 OHS week. </a:t>
            </a:r>
            <a:br>
              <a:rPr sz="1500" dirty="0"/>
            </a:br>
            <a:br>
              <a:rPr sz="1500" dirty="0"/>
            </a:br>
            <a:r>
              <a:rPr lang="en-GB" sz="15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You don’t have to do them all, choose one or two. </a:t>
            </a:r>
            <a:br>
              <a:rPr sz="1500" dirty="0"/>
            </a:br>
            <a:br>
              <a:rPr sz="1500" dirty="0"/>
            </a:br>
            <a:r>
              <a:rPr lang="en-GB" sz="15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Start each day by asking the question to the entire workgroup, asking everyone to keep this in mind throughout the day. </a:t>
            </a:r>
            <a:br>
              <a:rPr sz="1500" dirty="0"/>
            </a:br>
            <a:br>
              <a:rPr sz="1500" dirty="0"/>
            </a:br>
            <a:r>
              <a:rPr lang="en-GB" sz="1500" b="0" i="0" u="none" strike="noStrike" cap="none" baseline="0" dirty="0">
                <a:solidFill>
                  <a:srgbClr val="380016"/>
                </a:solidFill>
                <a:effectLst/>
                <a:uFill>
                  <a:solidFill>
                    <a:prstClr val="black">
                      <a:alpha val="0"/>
                    </a:prstClr>
                  </a:solidFill>
                </a:uFill>
                <a:latin typeface="Veidekke Favorit Offc"/>
                <a:ea typeface="Veidekke Favorit Offc"/>
                <a:cs typeface="Veidekke Favorit Offc"/>
              </a:rPr>
              <a:t>Review the ideas/answers the next day, before starting the next task. </a:t>
            </a:r>
          </a:p>
        </p:txBody>
      </p:sp>
      <p:sp>
        <p:nvSpPr>
          <p:cNvPr id="4" name="Platshållare för text 3">
            <a:extLst>
              <a:ext uri="{FF2B5EF4-FFF2-40B4-BE49-F238E27FC236}">
                <a16:creationId xmlns:a16="http://schemas.microsoft.com/office/drawing/2014/main" id="{F434E358-5988-B173-ECD7-D8EE89342C89}"/>
              </a:ext>
            </a:extLst>
          </p:cNvPr>
          <p:cNvSpPr>
            <a:spLocks noGrp="1"/>
          </p:cNvSpPr>
          <p:nvPr>
            <p:ph type="body" sz="quarter" idx="15"/>
          </p:nvPr>
        </p:nvSpPr>
        <p:spPr>
          <a:xfrm>
            <a:off x="2253942" y="1404288"/>
            <a:ext cx="6782966" cy="937888"/>
          </a:xfrm>
        </p:spPr>
        <p:txBody>
          <a:bodyPr/>
          <a:lstStyle/>
          <a:p>
            <a:pPr algn="l"/>
            <a:r>
              <a:rPr lang="en-GB" sz="3600" b="1" i="0" u="none" strike="noStrike" cap="none" baseline="0">
                <a:solidFill>
                  <a:srgbClr val="380016"/>
                </a:solidFill>
                <a:effectLst/>
                <a:uFill>
                  <a:solidFill>
                    <a:prstClr val="black">
                      <a:alpha val="0"/>
                    </a:prstClr>
                  </a:solidFill>
                </a:uFill>
                <a:latin typeface="Veidekke Favorit Offc"/>
                <a:ea typeface="Veidekke Favorit Offc"/>
                <a:cs typeface="Veidekke Favorit Offc"/>
              </a:rPr>
              <a:t>Suggestions for reflection tasks for the next few days</a:t>
            </a:r>
          </a:p>
        </p:txBody>
      </p:sp>
    </p:spTree>
    <p:extLst>
      <p:ext uri="{BB962C8B-B14F-4D97-AF65-F5344CB8AC3E}">
        <p14:creationId xmlns:p14="http://schemas.microsoft.com/office/powerpoint/2010/main" val="195075175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p159="http://schemas.microsoft.com/office/powerpoint/2015/09/main" xmlns:p15="http://schemas.microsoft.com/office/powerpoint/2012/main" xmlns:a14="http://schemas.microsoft.com/office/drawing/2010/main" xmlns:wp="http://schemas.openxmlformats.org/drawingml/2006/wordprocessingDrawing" xmlns:w="http://schemas.openxmlformats.org/wordprocessingml/2006/main" xmlns:m="http://schemas.openxmlformats.org/officeDocument/2006/math"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AS_OS" val="Unix 3.10.0.1160"/>
  <p:tag name="AS_RELEASE_DATE" val="2024.03.31"/>
  <p:tag name="AS_TITLE" val="Aspose.Slides for Java"/>
  <p:tag name="AS_VERSION" val="24.3"/>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db4d3a63-68fa-4878-afc5-d6713a5b95e2.jpeg"/>
</p:tagLst>
</file>

<file path=ppt/tags/tag11.xml><?xml version="1.0" encoding="utf-8"?>
<p:tagLst xmlns:a="http://schemas.openxmlformats.org/drawingml/2006/main" xmlns:r="http://schemas.openxmlformats.org/officeDocument/2006/relationships" xmlns:p="http://schemas.openxmlformats.org/presentationml/2006/main">
  <p:tag name="TEMPLAFYSLIDEID" val="636724284847391023"/>
</p:tagLst>
</file>

<file path=ppt/tags/tag2.xml><?xml version="1.0" encoding="utf-8"?>
<p:tagLst xmlns:a="http://schemas.openxmlformats.org/drawingml/2006/main" xmlns:r="http://schemas.openxmlformats.org/officeDocument/2006/relationships" xmlns:p="http://schemas.openxmlformats.org/presentationml/2006/main">
  <p:tag name="TEMPLAFYSLIDEID" val="636724284843934355"/>
</p:tagLst>
</file>

<file path=ppt/tags/tag3.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ansa\AppData\Local\Templafy\AddIns\PowerPointVsto\15a9692f-e656-4ebc-ad7a-cf7348c2ae9c.jpeg"/>
</p:tagLst>
</file>

<file path=ppt/tags/tag5.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6.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7.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8.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9.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heme/theme1.xml><?xml version="1.0" encoding="utf-8"?>
<a:theme xmlns:a="http://schemas.openxmlformats.org/drawingml/2006/main" name="Blank">
  <a:themeElements>
    <a:clrScheme name="Veidekke PPT 2022">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Veidekke Favorit Offc"/>
        <a:cs typeface="Arial"/>
      </a:majorFont>
      <a:minorFont>
        <a:latin typeface="Veidekke Favorit Offc"/>
        <a:ea typeface="Veidekke Favorit Offc"/>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rtlCol="0" anchor="ctr"/>
      <a:lstStyle>
        <a:defPPr algn="ctr">
          <a:spcAft>
            <a:spcPts val="600"/>
          </a:spcAft>
          <a:defRPr noProof="0" dirty="0" smtClean="0"/>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Aft>
            <a:spcPts val="600"/>
          </a:spcAft>
          <a:defRPr dirty="0" smtClean="0">
            <a:solidFill>
              <a:schemeClr val="tx2"/>
            </a:solidFill>
          </a:defRPr>
        </a:defPPr>
      </a:lstStyle>
    </a:txDef>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Blank.potx" id="{BE63639B-00EC-40F9-BDAD-6A9936785324}" vid="{F7C00E83-EC97-4EF3-A141-5231F1D1CD91}"/>
    </a:ext>
  </a:extLst>
</a:theme>
</file>

<file path=ppt/theme/theme2.xml><?xml version="1.0" encoding="utf-8"?>
<a:theme xmlns:a="http://schemas.openxmlformats.org/drawingml/2006/main" name="Office-tema">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Veidekke Favorit Offc"/>
        <a:ea typeface="Veidekke Favorit Offc"/>
        <a:cs typeface="Arial"/>
        <a:font script="Jpan" typeface="ＭＳ%20Ｐゴシック"/>
        <a:font script="Hang" typeface="맑은%20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FormConfiguration><![CDATA[{"formFields":[{"required":false,"placeholder":"","lines":0,"helpTexts":{"prefix":"","postfix":""},"spacing":{},"type":"textBox","name":"Footer","label":"Footer","fullyQualifiedName":"Footer"}],"formDataEntries":[]}]]></Templafy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7882934749031813","enableDocumentContentUpdater":true,"version":"1.9"}]]></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19.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20.xml><?xml version="1.0" encoding="utf-8"?>
<TemplafySlideFormConfiguration><![CDATA[{"formFields":[],"formDataEntries":[]}]]></TemplafySlideFormConfiguration>
</file>

<file path=customXml/item21.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5.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documentContentValidatorConfiguration":{"enableDocumentContentValidator":false,"documentContentValidatorVersion":0},"elementsMetadata":[],"slideId":"637882934750906425","enableDocumentContentUpdater":true,"version":"1.9"}]]></TemplafySlideTemplateConfiguration>
</file>

<file path=customXml/item28.xml><?xml version="1.0" encoding="utf-8"?>
<TemplafySlideFormConfiguration><![CDATA[{"formFields":[],"formDataEntries":[]}]]></TemplafySlideFormConfiguration>
</file>

<file path=customXml/item3.xml><?xml version="1.0" encoding="utf-8"?>
<TemplafySlideTemplateConfiguration><![CDATA[{"elementsMetadata":[],"enableDocumentContentUpdater":true,"documentContentValidatorConfiguration":{"enableDocumentContentValidator":false,"documentContentValidatorVersion":0},"slideId":"636731210706169128","version":"1.1"}]]></TemplafySlideTemplateConfiguration>
</file>

<file path=customXml/item4.xml><?xml version="1.0" encoding="utf-8"?>
<TemplafySlideTemplateConfiguration><![CDATA[{"elementsMetadata":[],"enableDocumentContentUpdater":true,"documentContentValidatorConfiguration":{"enableDocumentContentValidator":false,"documentContentValidatorVersion":0},"slideId":"636731210706794148","version":"1.1"}]]></TemplafySlideTemplateConfiguration>
</file>

<file path=customXml/item5.xml><?xml version="1.0" encoding="utf-8"?>
<TemplafyTemplateConfiguration><![CDATA[{"elementsMetadata":[{"type":"shape","id":"e6542782-f7eb-4a87-aef8-64f256666663","elementConfiguration":{"binding":"Form.Footer","disableUpdates":false,"type":"text"}},{"type":"shape","id":"86a525a3-736c-4a10-b5de-ca854cbd5223","elementConfiguration":{"format":"{{DateFormats.GeneralDate}}","binding":"Form.Date","disableUpdates":false,"type":"date"}},{"type":"shape","id":"3a4bf290-9347-45c4-b508-f7f9f3a4dd9c","elementConfiguration":{"binding":"Form.Footer","disableUpdates":false,"type":"text"}},{"type":"shape","id":"b2a9dcea-6efa-440f-9cda-f113bd1493aa","elementConfiguration":{"format":"{{DateFormats.GeneralDate}}","binding":"Form.Date","disableUpdates":false,"type":"date"}},{"type":"shape","id":"3e98ceef-c2b5-4c3a-9fdb-c64c8f437c0e","elementConfiguration":{"binding":"Form.Footer","disableUpdates":false,"type":"text"}},{"type":"shape","id":"52294f0a-bf0e-477d-bbf0-ea7a4ca9288d","elementConfiguration":{"format":"{{DateFormats.GeneralDate}}","binding":"Form.Date","disableUpdates":false,"type":"date"}},{"type":"shape","id":"952743a7-bf2a-4363-a4b4-b5a6196b4515","elementConfiguration":{"binding":"Form.Footer","disableUpdates":false,"type":"text"}},{"type":"shape","id":"709066e7-4641-402f-b361-fbb3f921f7a3","elementConfiguration":{"format":"{{DateFormats.GeneralDate}}","binding":"Form.Date","disableUpdates":false,"type":"date"}},{"type":"shape","id":"b91c5b82-e030-4a05-973c-79a73418d63f","elementConfiguration":{"binding":"Form.Footer","disableUpdates":false,"type":"text"}},{"type":"shape","id":"aaf3d56f-6298-4e7c-bd87-bead85bfe2d1","elementConfiguration":{"binding":"Form.Footer","disableUpdates":false,"type":"text"}},{"type":"shape","id":"73bf7567-ac61-4ff8-a69a-320fc7c4c539","elementConfiguration":{"format":"{{DateFormats.GeneralDate}}","binding":"Form.Date","disableUpdates":false,"type":"date"}},{"type":"shape","id":"9a9c3c7d-d93e-487e-8c0e-262e679deefa","elementConfiguration":{"binding":"Form.Footer","disableUpdates":false,"type":"text"}},{"type":"shape","id":"b0bd0afb-2c3f-448b-a73d-df2189ea5340","elementConfiguration":{"format":"{{DateFormats.GeneralDate}}","binding":"Form.Date","disableUpdates":false,"type":"date"}},{"type":"shape","id":"3afa4a19-5393-402c-8bcc-ac87290f9e13","elementConfiguration":{"binding":"Form.Footer","disableUpdates":false,"type":"text"}},{"type":"shape","id":"6d61c8c7-8f07-4d2d-b5db-e26706935337","elementConfiguration":{"binding":"Form.Footer","disableUpdates":false,"type":"text"}},{"type":"shape","id":"5036556e-54c7-42bb-9321-233c58a4d58f","elementConfiguration":{"binding":"Form.Footer","disableUpdates":false,"type":"text"}},{"type":"shape","id":"5252d343-4ec9-4fd0-a5b8-57d172da82cf","elementConfiguration":{"format":"{{DateFormats.GeneralDate}}","binding":"Form.Date","disableUpdates":false,"type":"date"}},{"type":"shape","id":"b132304a-6a7d-4f9a-9282-b2411c696de4","elementConfiguration":{"binding":"Form.Footer","disableUpdates":false,"type":"text"}},{"type":"shape","id":"ddfabb75-e58c-4268-b14a-454b81c91763","elementConfiguration":{"binding":"Form.Footer","disableUpdates":false,"type":"text"}},{"type":"shape","id":"ca0b21ba-3e86-489d-a259-7c063736d520","elementConfiguration":{"format":"{{DateFormats.GeneralDate}}","binding":"Form.Date","disableUpdates":false,"type":"date"}},{"type":"shape","id":"cd42c6bb-3f8e-40bf-b20e-5e09321f9eb5","elementConfiguration":{"binding":"Form.Footer","disableUpdates":false,"type":"text"}}],"transformationConfigurations":[{"language":"{{DocumentLanguage}}","disableUpdates":false,"type":"proofingLanguage"}],"templateName":"","templateDescription":"","enableDocumentContentUpdater":true,"version":"1.9"}]]></TemplafyTemplateConfiguration>
</file>

<file path=customXml/item6.xml><?xml version="1.0" encoding="utf-8"?>
<TemplafySlideTemplateConfiguration><![CDATA[{"elementsMetadata":[],"enableDocumentContentUpdater":true,"documentContentValidatorConfiguration":{"enableDocumentContentValidator":false,"documentContentValidatorVersion":0},"slideId":"636731210706637872","version":"1.1"}]]></TemplafySlideTemplateConfiguration>
</file>

<file path=customXml/item7.xml><?xml version="1.0" encoding="utf-8"?>
<TemplafySlideTemplateConfiguration><![CDATA[{"elementsMetadata":[],"enableDocumentContentUpdater":true,"documentContentValidatorConfiguration":{"enableDocumentContentValidator":false,"documentContentValidatorVersion":0},"slideId":"636731210703825400","version":"1.1"}]]></TemplafySlideTemplateConfiguration>
</file>

<file path=customXml/item8.xml><?xml version="1.0" encoding="utf-8"?>
<TemplafySlideFormConfiguration><![CDATA[{"formFields":[],"formDataEntries":[]}]]></TemplafySlideFormConfiguration>
</file>

<file path=customXml/item9.xml><?xml version="1.0" encoding="utf-8"?>
<ct:contentTypeSchema xmlns:ct="http://schemas.microsoft.com/office/2006/metadata/contentType" xmlns:ma="http://schemas.microsoft.com/office/2006/metadata/properties/metaAttributes" ct:_="" ma:_="" ma:contentTypeName="Dokument" ma:contentTypeID="0x0101007BBCD187FD916B4BB7AA44BF0EE7E173" ma:contentTypeVersion="13" ma:contentTypeDescription="Opprett et nytt dokument." ma:contentTypeScope="" ma:versionID="36bf0425eea7e9de40f36e44d0216da7">
  <xsd:schema xmlns:xsd="http://www.w3.org/2001/XMLSchema" xmlns:xs="http://www.w3.org/2001/XMLSchema" xmlns:p="http://schemas.microsoft.com/office/2006/metadata/properties" xmlns:ns2="10a17540-a4c3-42e8-b9c8-7c4119285c61" xmlns:ns3="1aa8595b-683f-47e7-a4b0-47fa7d3e99a4" targetNamespace="http://schemas.microsoft.com/office/2006/metadata/properties" ma:root="true" ma:fieldsID="1219b92f1dbe3f89ed43d1798d81307f" ns2:_="" ns3:_="">
    <xsd:import namespace="10a17540-a4c3-42e8-b9c8-7c4119285c61"/>
    <xsd:import namespace="1aa8595b-683f-47e7-a4b0-47fa7d3e99a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element ref="ns2:MediaServiceLocation"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0a17540-a4c3-42e8-b9c8-7c4119285c61"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Bildemerkelapper" ma:readOnly="false" ma:fieldId="{5cf76f15-5ced-4ddc-b409-7134ff3c332f}" ma:taxonomyMulti="true" ma:sspId="a9dd55ca-a5e4-4dac-96a5-1c5a97a6933f"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1aa8595b-683f-47e7-a4b0-47fa7d3e99a4"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5a4ed825-1ce5-4a7b-bbea-bdf613feb08e}" ma:internalName="TaxCatchAll" ma:showField="CatchAllData" ma:web="1aa8595b-683f-47e7-a4b0-47fa7d3e99a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8C6545C5-5FC3-4F21-B6CA-17ED56311BD8}">
  <ds:schemaRefs/>
</ds:datastoreItem>
</file>

<file path=customXml/itemProps10.xml><?xml version="1.0" encoding="utf-8"?>
<ds:datastoreItem xmlns:ds="http://schemas.openxmlformats.org/officeDocument/2006/customXml" ds:itemID="{E195EC0A-7CCE-44C4-AE37-D3AD7BF624CF}">
  <ds:schemaRefs/>
</ds:datastoreItem>
</file>

<file path=customXml/itemProps11.xml><?xml version="1.0" encoding="utf-8"?>
<ds:datastoreItem xmlns:ds="http://schemas.openxmlformats.org/officeDocument/2006/customXml" ds:itemID="{66FD51B9-83F1-43BC-AA96-BD43703FE846}">
  <ds:schemaRefs/>
</ds:datastoreItem>
</file>

<file path=customXml/itemProps12.xml><?xml version="1.0" encoding="utf-8"?>
<ds:datastoreItem xmlns:ds="http://schemas.openxmlformats.org/officeDocument/2006/customXml" ds:itemID="{3A41DC27-7883-4BB3-818E-986BAFEFA523}">
  <ds:schemaRefs/>
</ds:datastoreItem>
</file>

<file path=customXml/itemProps13.xml><?xml version="1.0" encoding="utf-8"?>
<ds:datastoreItem xmlns:ds="http://schemas.openxmlformats.org/officeDocument/2006/customXml" ds:itemID="{58283387-4E2E-41CD-B09F-73D889409B50}">
  <ds:schemaRefs/>
</ds:datastoreItem>
</file>

<file path=customXml/itemProps14.xml><?xml version="1.0" encoding="utf-8"?>
<ds:datastoreItem xmlns:ds="http://schemas.openxmlformats.org/officeDocument/2006/customXml" ds:itemID="{4B20ECF0-DDB9-4F42-A6CB-CB3441BAB0B3}">
  <ds:schemaRefs/>
</ds:datastoreItem>
</file>

<file path=customXml/itemProps15.xml><?xml version="1.0" encoding="utf-8"?>
<ds:datastoreItem xmlns:ds="http://schemas.openxmlformats.org/officeDocument/2006/customXml" ds:itemID="{C59813F2-02E7-4D1A-B58F-E418758F8477}">
  <ds:schemaRefs/>
</ds:datastoreItem>
</file>

<file path=customXml/itemProps16.xml><?xml version="1.0" encoding="utf-8"?>
<ds:datastoreItem xmlns:ds="http://schemas.openxmlformats.org/officeDocument/2006/customXml" ds:itemID="{1D44F357-3AB6-4276-8F86-911BF680385A}">
  <ds:schemaRefs/>
</ds:datastoreItem>
</file>

<file path=customXml/itemProps17.xml><?xml version="1.0" encoding="utf-8"?>
<ds:datastoreItem xmlns:ds="http://schemas.openxmlformats.org/officeDocument/2006/customXml" ds:itemID="{D82FF717-769B-4FD9-972D-BB5D95D9FA06}">
  <ds:schemaRefs/>
</ds:datastoreItem>
</file>

<file path=customXml/itemProps18.xml><?xml version="1.0" encoding="utf-8"?>
<ds:datastoreItem xmlns:ds="http://schemas.openxmlformats.org/officeDocument/2006/customXml" ds:itemID="{721D86C1-69D5-4BE4-BC75-7ED5A8F54AE6}">
  <ds:schemaRefs/>
</ds:datastoreItem>
</file>

<file path=customXml/itemProps19.xml><?xml version="1.0" encoding="utf-8"?>
<ds:datastoreItem xmlns:ds="http://schemas.openxmlformats.org/officeDocument/2006/customXml" ds:itemID="{5828CF36-0408-4BEF-8520-AAF84988D4E5}">
  <ds:schemaRefs/>
</ds:datastoreItem>
</file>

<file path=customXml/itemProps2.xml><?xml version="1.0" encoding="utf-8"?>
<ds:datastoreItem xmlns:ds="http://schemas.openxmlformats.org/officeDocument/2006/customXml" ds:itemID="{1692118B-B563-4D38-814E-2E248DB9B166}">
  <ds:schemaRefs>
    <ds:schemaRef ds:uri="http://schemas.microsoft.com/sharepoint/v3/contenttype/forms"/>
  </ds:schemaRefs>
</ds:datastoreItem>
</file>

<file path=customXml/itemProps20.xml><?xml version="1.0" encoding="utf-8"?>
<ds:datastoreItem xmlns:ds="http://schemas.openxmlformats.org/officeDocument/2006/customXml" ds:itemID="{C960F32F-DDA4-4DE9-9B91-58EE9F28F4B7}">
  <ds:schemaRefs/>
</ds:datastoreItem>
</file>

<file path=customXml/itemProps21.xml><?xml version="1.0" encoding="utf-8"?>
<ds:datastoreItem xmlns:ds="http://schemas.openxmlformats.org/officeDocument/2006/customXml" ds:itemID="{C32B1BC1-7A98-4671-84F2-A459A6757051}">
  <ds:schemaRefs/>
</ds:datastoreItem>
</file>

<file path=customXml/itemProps22.xml><?xml version="1.0" encoding="utf-8"?>
<ds:datastoreItem xmlns:ds="http://schemas.openxmlformats.org/officeDocument/2006/customXml" ds:itemID="{6484757C-5D7D-4B82-AFA7-51D5DEE8B82F}">
  <ds:schemaRefs/>
</ds:datastoreItem>
</file>

<file path=customXml/itemProps23.xml><?xml version="1.0" encoding="utf-8"?>
<ds:datastoreItem xmlns:ds="http://schemas.openxmlformats.org/officeDocument/2006/customXml" ds:itemID="{577E05E3-BB84-4AC4-B5CF-A0C0129E12B6}">
  <ds:schemaRefs/>
</ds:datastoreItem>
</file>

<file path=customXml/itemProps24.xml><?xml version="1.0" encoding="utf-8"?>
<ds:datastoreItem xmlns:ds="http://schemas.openxmlformats.org/officeDocument/2006/customXml" ds:itemID="{7BE6C632-6E01-4AAE-BE69-69A6AF708ADC}">
  <ds:schemaRefs/>
</ds:datastoreItem>
</file>

<file path=customXml/itemProps25.xml><?xml version="1.0" encoding="utf-8"?>
<ds:datastoreItem xmlns:ds="http://schemas.openxmlformats.org/officeDocument/2006/customXml" ds:itemID="{C9213CE5-FCA6-418E-A26A-9CB8B6BA05D6}">
  <ds:schemaRefs/>
</ds:datastoreItem>
</file>

<file path=customXml/itemProps26.xml><?xml version="1.0" encoding="utf-8"?>
<ds:datastoreItem xmlns:ds="http://schemas.openxmlformats.org/officeDocument/2006/customXml" ds:itemID="{E779C0B6-AAF3-4867-8642-5953BD19F8A9}">
  <ds:schemaRefs/>
</ds:datastoreItem>
</file>

<file path=customXml/itemProps27.xml><?xml version="1.0" encoding="utf-8"?>
<ds:datastoreItem xmlns:ds="http://schemas.openxmlformats.org/officeDocument/2006/customXml" ds:itemID="{53CA4DCD-9856-41AF-B970-9FFEFC8944FC}">
  <ds:schemaRefs/>
</ds:datastoreItem>
</file>

<file path=customXml/itemProps28.xml><?xml version="1.0" encoding="utf-8"?>
<ds:datastoreItem xmlns:ds="http://schemas.openxmlformats.org/officeDocument/2006/customXml" ds:itemID="{8DC401BE-F44F-4C08-A50D-145656DAC038}">
  <ds:schemaRefs/>
</ds:datastoreItem>
</file>

<file path=customXml/itemProps3.xml><?xml version="1.0" encoding="utf-8"?>
<ds:datastoreItem xmlns:ds="http://schemas.openxmlformats.org/officeDocument/2006/customXml" ds:itemID="{A4B406F4-1251-4A88-8354-A2050A704DA8}">
  <ds:schemaRefs/>
</ds:datastoreItem>
</file>

<file path=customXml/itemProps4.xml><?xml version="1.0" encoding="utf-8"?>
<ds:datastoreItem xmlns:ds="http://schemas.openxmlformats.org/officeDocument/2006/customXml" ds:itemID="{65EC060A-A282-4186-9BC0-29749DBBFB42}">
  <ds:schemaRefs/>
</ds:datastoreItem>
</file>

<file path=customXml/itemProps5.xml><?xml version="1.0" encoding="utf-8"?>
<ds:datastoreItem xmlns:ds="http://schemas.openxmlformats.org/officeDocument/2006/customXml" ds:itemID="{EA1FE7B0-8006-489E-AE98-9950FE63513A}">
  <ds:schemaRefs/>
</ds:datastoreItem>
</file>

<file path=customXml/itemProps6.xml><?xml version="1.0" encoding="utf-8"?>
<ds:datastoreItem xmlns:ds="http://schemas.openxmlformats.org/officeDocument/2006/customXml" ds:itemID="{409F21E5-E86F-4756-9B1B-C883E365BA73}">
  <ds:schemaRefs/>
</ds:datastoreItem>
</file>

<file path=customXml/itemProps7.xml><?xml version="1.0" encoding="utf-8"?>
<ds:datastoreItem xmlns:ds="http://schemas.openxmlformats.org/officeDocument/2006/customXml" ds:itemID="{DDA4D963-764D-4BEF-95A2-5B50FA316A98}">
  <ds:schemaRefs/>
</ds:datastoreItem>
</file>

<file path=customXml/itemProps8.xml><?xml version="1.0" encoding="utf-8"?>
<ds:datastoreItem xmlns:ds="http://schemas.openxmlformats.org/officeDocument/2006/customXml" ds:itemID="{D26AA085-4532-49D4-92C7-84E151780CCB}">
  <ds:schemaRefs/>
</ds:datastoreItem>
</file>

<file path=customXml/itemProps9.xml><?xml version="1.0" encoding="utf-8"?>
<ds:datastoreItem xmlns:ds="http://schemas.openxmlformats.org/officeDocument/2006/customXml" ds:itemID="{72A2F217-1348-4E75-BA27-D640272F892E}">
  <ds:schemaRefs>
    <ds:schemaRef ds:uri="10a17540-a4c3-42e8-b9c8-7c4119285c61"/>
    <ds:schemaRef ds:uri="1aa8595b-683f-47e7-a4b0-47fa7d3e99a4"/>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docProps/app.xml><?xml version="1.0" encoding="utf-8"?>
<Properties xmlns="http://schemas.openxmlformats.org/officeDocument/2006/extended-properties" xmlns:vt="http://schemas.openxmlformats.org/officeDocument/2006/docPropsVTypes">
  <TotalTime>0</TotalTime>
  <Words>984</Words>
  <Application>Microsoft Office PowerPoint</Application>
  <PresentationFormat>Widescreen</PresentationFormat>
  <Paragraphs>86</Paragraphs>
  <Slides>15</Slides>
  <Notes>0</Notes>
  <HiddenSlides>0</HiddenSlides>
  <MMClips>0</MMClips>
  <ScaleCrop>false</ScaleCrop>
  <HeadingPairs>
    <vt:vector size="6" baseType="variant">
      <vt:variant>
        <vt:lpstr>Brukte skrifter</vt:lpstr>
      </vt:variant>
      <vt:variant>
        <vt:i4>2</vt:i4>
      </vt:variant>
      <vt:variant>
        <vt:lpstr>Tema</vt:lpstr>
      </vt:variant>
      <vt:variant>
        <vt:i4>1</vt:i4>
      </vt:variant>
      <vt:variant>
        <vt:lpstr>Lysbildetitler</vt:lpstr>
      </vt:variant>
      <vt:variant>
        <vt:i4>15</vt:i4>
      </vt:variant>
    </vt:vector>
  </HeadingPairs>
  <TitlesOfParts>
    <vt:vector size="18" baseType="lpstr">
      <vt:lpstr>Veidekke Favorit Offc</vt:lpstr>
      <vt:lpstr>Arial</vt:lpstr>
      <vt:lpstr>Blank</vt:lpstr>
      <vt:lpstr>Veidekke’s OHS week 2024:  Safe production  Project and production</vt:lpstr>
      <vt:lpstr>PowerPoint-presentasjon</vt:lpstr>
      <vt:lpstr>How do we become good at involving, planning activities and identifying the biggest hazards? The theme of this year’s OHS week is safe production.  During the week, we will take a closer look at how our choices and planning affect safety and the working environment.   We will also talk about how we involve each other in our everyday work and how we create good conditions for safe production. </vt:lpstr>
      <vt:lpstr>How to conduct a joint programme?</vt:lpstr>
      <vt:lpstr>PowerPoint-presentasjon</vt:lpstr>
      <vt:lpstr>Reflection tasks after the film</vt:lpstr>
      <vt:lpstr>Reflection tasks after the film</vt:lpstr>
      <vt:lpstr>Review all answers with the whole group</vt:lpstr>
      <vt:lpstr>Here are suggestions for individual observation tasks that can be done during the other days of Veidekke’s OHS week.   You don’t have to do them all, choose one or two.   Start each day by asking the question to the entire workgroup, asking everyone to keep this in mind throughout the day.   Review the ideas/answers the next day, before starting the next task. </vt:lpstr>
      <vt:lpstr>Task 1</vt:lpstr>
      <vt:lpstr>Task 2</vt:lpstr>
      <vt:lpstr>Task 3</vt:lpstr>
      <vt:lpstr>Task 4</vt:lpstr>
      <vt:lpstr>PowerPoint-presentasjon</vt:lpstr>
      <vt:lpstr>Thank you for</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OGRAM FOR HMS-UKEN: Prosjekt/produksjon</dc:title>
  <cp:revision>1</cp:revision>
  <dcterms:created xsi:type="dcterms:W3CDTF">2022-04-26T08:44:00Z</dcterms:created>
  <dcterms:modified xsi:type="dcterms:W3CDTF">2024-08-26T18:54: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LanguageCode">
    <vt:lpwstr>sv-SE</vt:lpwstr>
  </property>
  <property fmtid="{D5CDD505-2E9C-101B-9397-08002B2CF9AE}" pid="3" name="TemplafyTemplateId">
    <vt:lpwstr>637866404935844927</vt:lpwstr>
  </property>
  <property fmtid="{D5CDD505-2E9C-101B-9397-08002B2CF9AE}" pid="4" name="TemplafyTenantId">
    <vt:lpwstr>veidekke</vt:lpwstr>
  </property>
  <property fmtid="{D5CDD505-2E9C-101B-9397-08002B2CF9AE}" pid="5" name="TemplafyUserProfileId">
    <vt:lpwstr>636848858983638952</vt:lpwstr>
  </property>
</Properties>
</file>